
<file path=[Content_Types].xml><?xml version="1.0" encoding="utf-8"?>
<Types xmlns="http://schemas.openxmlformats.org/package/2006/content-types">
  <Default Extension="bin" ContentType="application/vnd.openxmlformats-officedocument.spreadsheetml.printerSettings"/>
  <Default Extension="jpeg" ContentType="image/jpeg"/>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externalLinks/externalLink1.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persons/person.xml" ContentType="application/vnd.ms-excel.person+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5831"/>
  <workbookPr defaultThemeVersion="166925"/>
  <mc:AlternateContent xmlns:mc="http://schemas.openxmlformats.org/markup-compatibility/2006">
    <mc:Choice Requires="x15">
      <x15ac:absPath xmlns:x15ac="http://schemas.microsoft.com/office/spreadsheetml/2010/11/ac" url="https://ingov-my.sharepoint.com/personal/hasandhu_oucc_in_gov/Documents/Documents/"/>
    </mc:Choice>
  </mc:AlternateContent>
  <xr:revisionPtr revIDLastSave="18" documentId="8_{AEE7C9FA-9E15-4706-BAEF-A4FF2208D9DE}" xr6:coauthVersionLast="47" xr6:coauthVersionMax="47" xr10:uidLastSave="{F26F9AE3-D20C-4DC9-8C88-D2B12DBC218D}"/>
  <bookViews>
    <workbookView xWindow="-110" yWindow="-110" windowWidth="19420" windowHeight="10420" firstSheet="2" activeTab="7" xr2:uid="{6B4E5BF3-DDC6-4731-8131-D3E990FD0999}"/>
  </bookViews>
  <sheets>
    <sheet name="AES Indiana LIHEAP" sheetId="2" r:id="rId1"/>
    <sheet name="AES Indiana Residential" sheetId="1" r:id="rId2"/>
    <sheet name="CEI North" sheetId="5" r:id="rId3"/>
    <sheet name="CEI South" sheetId="6" r:id="rId4"/>
    <sheet name="CEI LIHEAP" sheetId="7" r:id="rId5"/>
    <sheet name="Duke Energy" sheetId="8" r:id="rId6"/>
    <sheet name="Indiana Michigan" sheetId="3" r:id="rId7"/>
    <sheet name="NIPSCO " sheetId="4" r:id="rId8"/>
  </sheets>
  <externalReferences>
    <externalReference r:id="rId9"/>
  </externalReferences>
  <definedNames>
    <definedName name="Utilities">[1]!UtilityNames[Utility Names]</definedName>
  </definedName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calcChain.xml><?xml version="1.0" encoding="utf-8"?>
<calcChain xmlns="http://schemas.openxmlformats.org/spreadsheetml/2006/main">
  <c r="B5" i="7" l="1"/>
  <c r="H7" i="6"/>
  <c r="H6" i="6"/>
  <c r="H5" i="6"/>
  <c r="B5" i="6"/>
  <c r="H4" i="6"/>
  <c r="G7" i="5"/>
  <c r="G6" i="5"/>
  <c r="G5" i="5"/>
  <c r="B5" i="5"/>
  <c r="G4" i="5"/>
</calcChain>
</file>

<file path=xl/sharedStrings.xml><?xml version="1.0" encoding="utf-8"?>
<sst xmlns="http://schemas.openxmlformats.org/spreadsheetml/2006/main" count="133" uniqueCount="99">
  <si>
    <t>AES Indiana Residential Account Data</t>
  </si>
  <si>
    <t>Year</t>
  </si>
  <si>
    <t>Month</t>
  </si>
  <si>
    <t>Number of Accounts (1)</t>
  </si>
  <si>
    <t>Accounts with 60 Day Arrears (2)</t>
  </si>
  <si>
    <t>60 Day Arrears Amount (3)</t>
  </si>
  <si>
    <t>Number of Accounts on Pay Extensions (4)</t>
  </si>
  <si>
    <t>Pay Extension Account Balances (5)</t>
  </si>
  <si>
    <t>Count of Disconnect Notices</t>
  </si>
  <si>
    <t>Count of Disconnections Due to Nonpayment (6)</t>
  </si>
  <si>
    <t>Count of Reconnections After Disconnection Due to Nonpayment (7)</t>
  </si>
  <si>
    <t>Number of Disconnection Noitces Sent Due to Nonpayment (8)</t>
  </si>
  <si>
    <t>AES Indiana Residential with LIHEAP Account Data</t>
  </si>
  <si>
    <t>Number of Accounts (9)</t>
  </si>
  <si>
    <t>Accounts with 30 Day Arrears (10)</t>
  </si>
  <si>
    <t>30 Day Arrears Amount (11)</t>
  </si>
  <si>
    <t>*corrected amount - amount prev entered was 60 day arrears of $254,434</t>
  </si>
  <si>
    <t xml:space="preserve">Total </t>
  </si>
  <si>
    <t xml:space="preserve">Total number of residential accounts </t>
  </si>
  <si>
    <t xml:space="preserve">Number of residential accounts in arrears by 60 or more days </t>
  </si>
  <si>
    <t>a. Total dollars of arrears</t>
  </si>
  <si>
    <t>Number of residential accounts on active payment arrangements</t>
  </si>
  <si>
    <t xml:space="preserve">Number of residential disconnections due to nonpayment </t>
  </si>
  <si>
    <t xml:space="preserve">Number of residential reconnections after disconnection due to nonpayment </t>
  </si>
  <si>
    <t xml:space="preserve">Number of residential disconnection notices sent due to nonpayment </t>
  </si>
  <si>
    <t xml:space="preserve">Number of residential accounts receiving assistance under the LIHEAP program </t>
  </si>
  <si>
    <t xml:space="preserve">a. Number of accounts past due </t>
  </si>
  <si>
    <t xml:space="preserve">b. Number of accounts that are disconnected due to nonpayment </t>
  </si>
  <si>
    <t xml:space="preserve">c. Total dollars owed </t>
  </si>
  <si>
    <t xml:space="preserve">$224,533.12** </t>
  </si>
  <si>
    <t>(**this was previously being reported for accounts that were disconnected for nonpayment. Reporting has been updated to provide total arrears).</t>
  </si>
  <si>
    <t xml:space="preserve">NIPSCO Residential Account Data </t>
  </si>
  <si>
    <t>Number of Accounts-Gas</t>
  </si>
  <si>
    <t>Number of Accounts-Electric</t>
  </si>
  <si>
    <t>60+ Day Arrears Amount</t>
  </si>
  <si>
    <t>Number of Accounts with 60+ Day Arrears</t>
  </si>
  <si>
    <t>Number of Accounts on Pay Arrangements-Combo</t>
  </si>
  <si>
    <t>Number of Accounts on Pay Arrangements-Electric</t>
  </si>
  <si>
    <t>Number of Accounts on Pay Arrangements-Gas</t>
  </si>
  <si>
    <t xml:space="preserve">Total Balance on Pay Arrangements-Combo </t>
  </si>
  <si>
    <t>Total Balance on Pay Arrangements-Electric</t>
  </si>
  <si>
    <t>Total Balance on Pay Arrangements -Gas</t>
  </si>
  <si>
    <t>Number of Disconnections from Non-Payment</t>
  </si>
  <si>
    <t>Number of  Reconnections from Non-Payment Disconnections</t>
  </si>
  <si>
    <t>Number of Disconnection Notices Sent for Non-Payment</t>
  </si>
  <si>
    <t xml:space="preserve">Number of LIHEAP Customers Disconnected if Applicable </t>
  </si>
  <si>
    <t>Number of Accounts Certified as Eligible for LIHEAP*</t>
  </si>
  <si>
    <t>Number of Accounts Eligible for LIHEAP and Past Due*</t>
  </si>
  <si>
    <t>Total Revenues Owed on Accounts Eligible for LIHEAP and Past Due*</t>
  </si>
  <si>
    <t>n/a</t>
  </si>
  <si>
    <t>0**</t>
  </si>
  <si>
    <t xml:space="preserve">*New Energy Assistance Enrollments per month.  The number "resets" each October for the subsequent program year. </t>
  </si>
  <si>
    <t>LIHEAP past due data is not available for August 2022</t>
  </si>
  <si>
    <t xml:space="preserve">**The query was adjusted beginning with the December 2022 numbers to adjust for customers who were disconnected and susequently received LIHEAP approval, which typically means reconnection during the moratorium period.  The remainder of 2022  was adjusted to reflect this change.  </t>
  </si>
  <si>
    <t>Indiana Gas Company, Inc. d/b/a CenterPoint Energy Indiana North</t>
  </si>
  <si>
    <t>(1)</t>
  </si>
  <si>
    <t>(2)</t>
  </si>
  <si>
    <t>(3)</t>
  </si>
  <si>
    <t>(4)</t>
  </si>
  <si>
    <t>(5)</t>
  </si>
  <si>
    <t>(6)</t>
  </si>
  <si>
    <t>(7)</t>
  </si>
  <si>
    <t>(8)</t>
  </si>
  <si>
    <t>Number of Residential Accounts</t>
  </si>
  <si>
    <t># Accounts with 60+ Day Arrears</t>
  </si>
  <si>
    <t>Total Balance with 60+ Days Arrears</t>
  </si>
  <si>
    <t>Number of Accounts on Active Payment Arrangements</t>
  </si>
  <si>
    <t>Total Balance of Active Payment Arrangements</t>
  </si>
  <si>
    <t>Number of Disconnections</t>
  </si>
  <si>
    <t xml:space="preserve">Number of Reconnections </t>
  </si>
  <si>
    <t>Number of Disconnect Notices</t>
  </si>
  <si>
    <t>Southern Indiana Gas and Electric Company Company d/b/a CenterPoint Energy Indiana South</t>
  </si>
  <si>
    <t>Number of Residential Gas Accounts</t>
  </si>
  <si>
    <t>Number of Residential Electric Accounts</t>
  </si>
  <si>
    <t># Accounts with 60+ Days Arrears</t>
  </si>
  <si>
    <t>Total Centerpoint Energy Indiana LIHEAP Account Data as of 12/31/2022</t>
  </si>
  <si>
    <t>(9)</t>
  </si>
  <si>
    <t>(10)</t>
  </si>
  <si>
    <t>(11)</t>
  </si>
  <si>
    <t>Number of Accounts</t>
  </si>
  <si>
    <t>Number of Accounts Past Due</t>
  </si>
  <si>
    <t>Total Balance with 1+ Days Arrears</t>
  </si>
  <si>
    <r>
      <t>11</t>
    </r>
    <r>
      <rPr>
        <vertAlign val="superscript"/>
        <sz val="11"/>
        <color theme="1"/>
        <rFont val="Calibri"/>
        <family val="2"/>
        <scheme val="minor"/>
      </rPr>
      <t>1</t>
    </r>
  </si>
  <si>
    <r>
      <rPr>
        <vertAlign val="superscript"/>
        <sz val="11"/>
        <color theme="1"/>
        <rFont val="Calibri"/>
        <family val="2"/>
        <scheme val="minor"/>
      </rPr>
      <t>1</t>
    </r>
    <r>
      <rPr>
        <sz val="11"/>
        <color theme="1"/>
        <rFont val="Calibri"/>
        <family val="2"/>
        <scheme val="minor"/>
      </rPr>
      <t xml:space="preserve"> The decrease in number of accounts is due to the annual restart of the LIHEAP program.</t>
    </r>
  </si>
  <si>
    <t>Duke Energy Indiana Residential &amp; Low Income Eligible Customer Report</t>
  </si>
  <si>
    <t>General Residential Customers</t>
  </si>
  <si>
    <t>Sep 2022</t>
  </si>
  <si>
    <t>Oct 2022</t>
  </si>
  <si>
    <t>Nov 2022</t>
  </si>
  <si>
    <t>Dec 2022</t>
  </si>
  <si>
    <t>Total Number of Accounts</t>
  </si>
  <si>
    <t>Number of Accounts Sent Notice of Disconnection for Nonpayment</t>
  </si>
  <si>
    <t>Number of Service Disconnections for Nonpayment</t>
  </si>
  <si>
    <t>Number of Service Restorations after Disconnection for Nonpayment</t>
  </si>
  <si>
    <t>Number of unpaid accounts - 60 or greater days</t>
  </si>
  <si>
    <t>Dollar value of unpaid accounts - 60 or greater days</t>
  </si>
  <si>
    <t>Number of Payment Agreements (deferred payment arrangements)</t>
  </si>
  <si>
    <t>Dollar value of unpaid Payment Agreements (deferred payment arrangements) accounts</t>
  </si>
  <si>
    <t xml:space="preserve">Indiana Energy Assistance Program (IEAP) Customers </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8">
    <numFmt numFmtId="6" formatCode="&quot;$&quot;#,##0_);[Red]\(&quot;$&quot;#,##0\)"/>
    <numFmt numFmtId="8" formatCode="&quot;$&quot;#,##0.00_);[Red]\(&quot;$&quot;#,##0.00\)"/>
    <numFmt numFmtId="44" formatCode="_(&quot;$&quot;* #,##0.00_);_(&quot;$&quot;* \(#,##0.00\);_(&quot;$&quot;* &quot;-&quot;??_);_(@_)"/>
    <numFmt numFmtId="43" formatCode="_(* #,##0.00_);_(* \(#,##0.00\);_(* &quot;-&quot;??_);_(@_)"/>
    <numFmt numFmtId="164" formatCode="&quot;$&quot;#,##0"/>
    <numFmt numFmtId="165" formatCode="&quot;$&quot;#,##0.00"/>
    <numFmt numFmtId="166" formatCode="_(* #,##0_);_(* \(#,##0\);_(* &quot;-&quot;??_);_(@_)"/>
    <numFmt numFmtId="167" formatCode="_(&quot;$&quot;* #,##0_);_(&quot;$&quot;* \(#,##0\);_(&quot;$&quot;* &quot;-&quot;??_);_(@_)"/>
  </numFmts>
  <fonts count="14" x14ac:knownFonts="1">
    <font>
      <sz val="11"/>
      <color theme="1"/>
      <name val="Calibri"/>
      <family val="2"/>
      <scheme val="minor"/>
    </font>
    <font>
      <b/>
      <sz val="11"/>
      <color theme="0"/>
      <name val="Calibri"/>
      <family val="2"/>
      <scheme val="minor"/>
    </font>
    <font>
      <b/>
      <sz val="14"/>
      <color theme="0"/>
      <name val="Calibri"/>
      <family val="2"/>
      <scheme val="minor"/>
    </font>
    <font>
      <b/>
      <sz val="12"/>
      <color theme="1"/>
      <name val="Arial"/>
      <family val="2"/>
    </font>
    <font>
      <sz val="11"/>
      <name val="Arial"/>
      <family val="2"/>
    </font>
    <font>
      <sz val="12"/>
      <name val="Arial"/>
      <family val="2"/>
    </font>
    <font>
      <sz val="12"/>
      <color theme="1"/>
      <name val="Arial"/>
      <family val="2"/>
    </font>
    <font>
      <sz val="11"/>
      <color theme="1"/>
      <name val="Calibri"/>
      <family val="2"/>
      <scheme val="minor"/>
    </font>
    <font>
      <sz val="11"/>
      <color theme="0"/>
      <name val="Calibri"/>
      <family val="2"/>
      <scheme val="minor"/>
    </font>
    <font>
      <sz val="11"/>
      <color rgb="FF000000"/>
      <name val="Calibri"/>
      <family val="2"/>
      <scheme val="minor"/>
    </font>
    <font>
      <vertAlign val="superscript"/>
      <sz val="11"/>
      <color theme="1"/>
      <name val="Calibri"/>
      <family val="2"/>
      <scheme val="minor"/>
    </font>
    <font>
      <b/>
      <sz val="20"/>
      <color rgb="FF0070C0"/>
      <name val="Calibri"/>
      <family val="2"/>
      <scheme val="minor"/>
    </font>
    <font>
      <b/>
      <sz val="14"/>
      <color rgb="FF0070C0"/>
      <name val="Calibri"/>
      <family val="2"/>
      <scheme val="minor"/>
    </font>
    <font>
      <b/>
      <sz val="12"/>
      <color rgb="FF0070C0"/>
      <name val="Calibri"/>
      <family val="2"/>
      <scheme val="minor"/>
    </font>
  </fonts>
  <fills count="9">
    <fill>
      <patternFill patternType="none"/>
    </fill>
    <fill>
      <patternFill patternType="gray125"/>
    </fill>
    <fill>
      <patternFill patternType="solid">
        <fgColor theme="3"/>
        <bgColor indexed="64"/>
      </patternFill>
    </fill>
    <fill>
      <patternFill patternType="solid">
        <fgColor theme="4" tint="0.79998168889431442"/>
        <bgColor theme="4" tint="0.79998168889431442"/>
      </patternFill>
    </fill>
    <fill>
      <patternFill patternType="solid">
        <fgColor theme="4" tint="0.79998168889431442"/>
        <bgColor indexed="64"/>
      </patternFill>
    </fill>
    <fill>
      <patternFill patternType="solid">
        <fgColor theme="9" tint="0.79998168889431442"/>
        <bgColor indexed="64"/>
      </patternFill>
    </fill>
    <fill>
      <patternFill patternType="solid">
        <fgColor theme="0"/>
        <bgColor indexed="64"/>
      </patternFill>
    </fill>
    <fill>
      <patternFill patternType="solid">
        <fgColor theme="0"/>
        <bgColor theme="4" tint="0.79998168889431442"/>
      </patternFill>
    </fill>
    <fill>
      <patternFill patternType="solid">
        <fgColor theme="3" tint="0.79998168889431442"/>
        <bgColor indexed="64"/>
      </patternFill>
    </fill>
  </fills>
  <borders count="10">
    <border>
      <left/>
      <right/>
      <top/>
      <bottom/>
      <diagonal/>
    </border>
    <border>
      <left style="thin">
        <color indexed="64"/>
      </left>
      <right style="thin">
        <color indexed="64"/>
      </right>
      <top style="thin">
        <color indexed="64"/>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style="thin">
        <color indexed="64"/>
      </left>
      <right style="thin">
        <color indexed="64"/>
      </right>
      <top/>
      <bottom style="thin">
        <color indexed="64"/>
      </bottom>
      <diagonal/>
    </border>
    <border>
      <left style="thin">
        <color indexed="64"/>
      </left>
      <right/>
      <top/>
      <bottom/>
      <diagonal/>
    </border>
    <border>
      <left/>
      <right style="thin">
        <color indexed="64"/>
      </right>
      <top/>
      <bottom style="thin">
        <color indexed="64"/>
      </bottom>
      <diagonal/>
    </border>
    <border>
      <left/>
      <right/>
      <top style="thin">
        <color theme="4" tint="0.39997558519241921"/>
      </top>
      <bottom style="thin">
        <color theme="4" tint="0.39997558519241921"/>
      </bottom>
      <diagonal/>
    </border>
    <border>
      <left/>
      <right style="thin">
        <color theme="4" tint="0.39997558519241921"/>
      </right>
      <top style="thin">
        <color theme="4" tint="0.39997558519241921"/>
      </top>
      <bottom style="thin">
        <color theme="4" tint="0.39997558519241921"/>
      </bottom>
      <diagonal/>
    </border>
    <border>
      <left style="thin">
        <color theme="4" tint="0.39997558519241921"/>
      </left>
      <right/>
      <top style="thin">
        <color theme="4" tint="0.39997558519241921"/>
      </top>
      <bottom style="thin">
        <color theme="4" tint="0.39997558519241921"/>
      </bottom>
      <diagonal/>
    </border>
  </borders>
  <cellStyleXfs count="3">
    <xf numFmtId="0" fontId="0" fillId="0" borderId="0"/>
    <xf numFmtId="43" fontId="7" fillId="0" borderId="0" applyFont="0" applyFill="0" applyBorder="0" applyAlignment="0" applyProtection="0"/>
    <xf numFmtId="44" fontId="7" fillId="0" borderId="0" applyFont="0" applyFill="0" applyBorder="0" applyAlignment="0" applyProtection="0"/>
  </cellStyleXfs>
  <cellXfs count="86">
    <xf numFmtId="0" fontId="0" fillId="0" borderId="0" xfId="0"/>
    <xf numFmtId="3" fontId="2" fillId="2" borderId="0" xfId="0" applyNumberFormat="1" applyFont="1" applyFill="1" applyAlignment="1">
      <alignment horizontal="center" wrapText="1"/>
    </xf>
    <xf numFmtId="0" fontId="1" fillId="2" borderId="0" xfId="0" applyFont="1" applyFill="1" applyAlignment="1">
      <alignment horizontal="center"/>
    </xf>
    <xf numFmtId="164" fontId="1" fillId="2" borderId="0" xfId="0" applyNumberFormat="1" applyFont="1" applyFill="1" applyAlignment="1">
      <alignment horizontal="center" wrapText="1"/>
    </xf>
    <xf numFmtId="3" fontId="1" fillId="2" borderId="0" xfId="0" applyNumberFormat="1" applyFont="1" applyFill="1" applyAlignment="1">
      <alignment horizontal="center" wrapText="1"/>
    </xf>
    <xf numFmtId="0" fontId="0" fillId="3" borderId="0" xfId="0" applyFill="1" applyAlignment="1">
      <alignment horizontal="center"/>
    </xf>
    <xf numFmtId="3" fontId="0" fillId="4" borderId="0" xfId="0" applyNumberFormat="1" applyFill="1" applyAlignment="1">
      <alignment horizontal="center"/>
    </xf>
    <xf numFmtId="164" fontId="0" fillId="4" borderId="0" xfId="0" applyNumberFormat="1" applyFill="1" applyAlignment="1">
      <alignment horizontal="center"/>
    </xf>
    <xf numFmtId="0" fontId="0" fillId="4" borderId="0" xfId="0" applyFill="1" applyAlignment="1">
      <alignment horizontal="center"/>
    </xf>
    <xf numFmtId="0" fontId="0" fillId="0" borderId="0" xfId="0" applyAlignment="1">
      <alignment horizontal="center"/>
    </xf>
    <xf numFmtId="3" fontId="0" fillId="0" borderId="0" xfId="0" applyNumberFormat="1" applyAlignment="1">
      <alignment horizontal="center"/>
    </xf>
    <xf numFmtId="164" fontId="0" fillId="0" borderId="0" xfId="0" applyNumberFormat="1" applyAlignment="1">
      <alignment horizontal="center"/>
    </xf>
    <xf numFmtId="3" fontId="0" fillId="0" borderId="0" xfId="0" applyNumberFormat="1"/>
    <xf numFmtId="164" fontId="0" fillId="0" borderId="0" xfId="0" applyNumberFormat="1"/>
    <xf numFmtId="0" fontId="3" fillId="4" borderId="1" xfId="0" applyFont="1" applyFill="1" applyBorder="1" applyAlignment="1">
      <alignment horizontal="center" vertical="center"/>
    </xf>
    <xf numFmtId="0" fontId="4" fillId="5" borderId="1" xfId="0" applyFont="1" applyFill="1" applyBorder="1" applyAlignment="1">
      <alignment horizontal="center" vertical="center"/>
    </xf>
    <xf numFmtId="3" fontId="6" fillId="0" borderId="1" xfId="0" applyNumberFormat="1" applyFont="1" applyBorder="1" applyAlignment="1">
      <alignment horizontal="center"/>
    </xf>
    <xf numFmtId="0" fontId="5" fillId="5" borderId="1" xfId="0" applyFont="1" applyFill="1" applyBorder="1" applyAlignment="1">
      <alignment vertical="center"/>
    </xf>
    <xf numFmtId="0" fontId="0" fillId="5" borderId="1" xfId="0" applyFill="1" applyBorder="1"/>
    <xf numFmtId="0" fontId="4" fillId="0" borderId="1" xfId="0" applyFont="1" applyBorder="1" applyAlignment="1">
      <alignment horizontal="center" vertical="center"/>
    </xf>
    <xf numFmtId="6" fontId="6" fillId="0" borderId="1" xfId="0" applyNumberFormat="1" applyFont="1" applyBorder="1" applyAlignment="1">
      <alignment horizontal="center"/>
    </xf>
    <xf numFmtId="0" fontId="6" fillId="0" borderId="1" xfId="0" applyFont="1" applyBorder="1" applyAlignment="1">
      <alignment horizontal="center"/>
    </xf>
    <xf numFmtId="8" fontId="6" fillId="0" borderId="1" xfId="0" applyNumberFormat="1" applyFont="1" applyBorder="1" applyAlignment="1">
      <alignment horizontal="center"/>
    </xf>
    <xf numFmtId="3" fontId="2" fillId="2" borderId="0" xfId="0" applyNumberFormat="1" applyFont="1" applyFill="1" applyAlignment="1">
      <alignment horizontal="center" wrapText="1"/>
    </xf>
    <xf numFmtId="0" fontId="5" fillId="0" borderId="1" xfId="0" applyFont="1" applyBorder="1" applyAlignment="1">
      <alignment horizontal="left" vertical="center"/>
    </xf>
    <xf numFmtId="0" fontId="5" fillId="5" borderId="1" xfId="0" applyFont="1" applyFill="1" applyBorder="1" applyAlignment="1">
      <alignment horizontal="left" vertical="center"/>
    </xf>
    <xf numFmtId="0" fontId="4" fillId="0" borderId="2" xfId="0" applyFont="1" applyBorder="1" applyAlignment="1">
      <alignment horizontal="center" vertical="center"/>
    </xf>
    <xf numFmtId="0" fontId="4" fillId="0" borderId="3" xfId="0" applyFont="1" applyBorder="1" applyAlignment="1">
      <alignment horizontal="center" vertical="center"/>
    </xf>
    <xf numFmtId="0" fontId="4" fillId="0" borderId="4" xfId="0" applyFont="1" applyBorder="1" applyAlignment="1">
      <alignment horizontal="center" vertical="center"/>
    </xf>
    <xf numFmtId="0" fontId="0" fillId="0" borderId="0" xfId="0" applyAlignment="1">
      <alignment horizontal="center" vertical="center"/>
    </xf>
    <xf numFmtId="0" fontId="0" fillId="0" borderId="0" xfId="0" applyAlignment="1">
      <alignment horizontal="center"/>
    </xf>
    <xf numFmtId="0" fontId="0" fillId="4" borderId="1" xfId="0" applyFill="1" applyBorder="1" applyAlignment="1">
      <alignment horizontal="center" vertical="center"/>
    </xf>
    <xf numFmtId="3" fontId="2" fillId="2" borderId="5" xfId="0" applyNumberFormat="1" applyFont="1" applyFill="1" applyBorder="1" applyAlignment="1">
      <alignment horizontal="center" wrapText="1"/>
    </xf>
    <xf numFmtId="0" fontId="1" fillId="2" borderId="1" xfId="0" applyFont="1" applyFill="1" applyBorder="1" applyAlignment="1">
      <alignment horizontal="center"/>
    </xf>
    <xf numFmtId="164" fontId="1" fillId="2" borderId="1" xfId="0" applyNumberFormat="1" applyFont="1" applyFill="1" applyBorder="1" applyAlignment="1">
      <alignment horizontal="center" wrapText="1"/>
    </xf>
    <xf numFmtId="3" fontId="1" fillId="2" borderId="1" xfId="0" applyNumberFormat="1" applyFont="1" applyFill="1" applyBorder="1" applyAlignment="1">
      <alignment horizontal="center" wrapText="1"/>
    </xf>
    <xf numFmtId="0" fontId="0" fillId="3" borderId="1" xfId="0" applyFill="1" applyBorder="1" applyAlignment="1">
      <alignment horizontal="center"/>
    </xf>
    <xf numFmtId="3" fontId="0" fillId="3" borderId="1" xfId="0" applyNumberFormat="1" applyFill="1" applyBorder="1" applyAlignment="1">
      <alignment horizontal="center"/>
    </xf>
    <xf numFmtId="164" fontId="0" fillId="3" borderId="1" xfId="0" applyNumberFormat="1" applyFill="1" applyBorder="1" applyAlignment="1">
      <alignment horizontal="center"/>
    </xf>
    <xf numFmtId="44" fontId="0" fillId="3" borderId="1" xfId="0" applyNumberFormat="1" applyFill="1" applyBorder="1" applyAlignment="1">
      <alignment horizontal="center"/>
    </xf>
    <xf numFmtId="44" fontId="0" fillId="3" borderId="1" xfId="2" applyFont="1" applyFill="1" applyBorder="1" applyAlignment="1">
      <alignment horizontal="center"/>
    </xf>
    <xf numFmtId="165" fontId="0" fillId="3" borderId="1" xfId="0" applyNumberFormat="1" applyFill="1" applyBorder="1" applyAlignment="1">
      <alignment horizontal="center"/>
    </xf>
    <xf numFmtId="166" fontId="0" fillId="3" borderId="1" xfId="1" applyNumberFormat="1" applyFont="1" applyFill="1" applyBorder="1" applyAlignment="1"/>
    <xf numFmtId="0" fontId="0" fillId="0" borderId="1" xfId="0" applyBorder="1" applyAlignment="1">
      <alignment horizontal="center"/>
    </xf>
    <xf numFmtId="3" fontId="0" fillId="6" borderId="1" xfId="0" applyNumberFormat="1" applyFill="1" applyBorder="1" applyAlignment="1">
      <alignment horizontal="center"/>
    </xf>
    <xf numFmtId="164" fontId="0" fillId="0" borderId="1" xfId="0" applyNumberFormat="1" applyBorder="1" applyAlignment="1">
      <alignment horizontal="center"/>
    </xf>
    <xf numFmtId="3" fontId="0" fillId="0" borderId="1" xfId="0" applyNumberFormat="1" applyBorder="1" applyAlignment="1">
      <alignment horizontal="center"/>
    </xf>
    <xf numFmtId="44" fontId="0" fillId="0" borderId="1" xfId="0" applyNumberFormat="1" applyBorder="1" applyAlignment="1">
      <alignment horizontal="center"/>
    </xf>
    <xf numFmtId="44" fontId="0" fillId="0" borderId="1" xfId="2" applyFont="1" applyBorder="1" applyAlignment="1">
      <alignment horizontal="center"/>
    </xf>
    <xf numFmtId="165" fontId="0" fillId="0" borderId="1" xfId="0" applyNumberFormat="1" applyBorder="1" applyAlignment="1">
      <alignment horizontal="center"/>
    </xf>
    <xf numFmtId="166" fontId="0" fillId="7" borderId="1" xfId="1" applyNumberFormat="1" applyFont="1" applyFill="1" applyBorder="1" applyAlignment="1"/>
    <xf numFmtId="165" fontId="0" fillId="8" borderId="1" xfId="0" applyNumberFormat="1" applyFill="1" applyBorder="1" applyAlignment="1">
      <alignment horizontal="center"/>
    </xf>
    <xf numFmtId="3" fontId="0" fillId="7" borderId="1" xfId="0" applyNumberFormat="1" applyFill="1" applyBorder="1" applyAlignment="1">
      <alignment horizontal="center"/>
    </xf>
    <xf numFmtId="3" fontId="9" fillId="0" borderId="6" xfId="0" applyNumberFormat="1" applyFont="1" applyBorder="1" applyAlignment="1">
      <alignment horizontal="center"/>
    </xf>
    <xf numFmtId="164" fontId="1" fillId="2" borderId="0" xfId="0" quotePrefix="1" applyNumberFormat="1" applyFont="1" applyFill="1" applyAlignment="1">
      <alignment horizontal="center" wrapText="1"/>
    </xf>
    <xf numFmtId="0" fontId="8" fillId="0" borderId="0" xfId="0" applyFont="1"/>
    <xf numFmtId="0" fontId="0" fillId="0" borderId="7" xfId="0" applyBorder="1" applyAlignment="1">
      <alignment horizontal="center"/>
    </xf>
    <xf numFmtId="3" fontId="0" fillId="0" borderId="8" xfId="0" applyNumberFormat="1" applyBorder="1" applyAlignment="1">
      <alignment horizontal="center"/>
    </xf>
    <xf numFmtId="167" fontId="0" fillId="0" borderId="8" xfId="2" applyNumberFormat="1" applyFont="1" applyFill="1" applyBorder="1" applyAlignment="1">
      <alignment horizontal="center"/>
    </xf>
    <xf numFmtId="0" fontId="0" fillId="3" borderId="7" xfId="0" applyFill="1" applyBorder="1" applyAlignment="1">
      <alignment horizontal="center"/>
    </xf>
    <xf numFmtId="3" fontId="0" fillId="3" borderId="8" xfId="0" applyNumberFormat="1" applyFill="1" applyBorder="1" applyAlignment="1">
      <alignment horizontal="center"/>
    </xf>
    <xf numFmtId="167" fontId="0" fillId="3" borderId="8" xfId="2" applyNumberFormat="1" applyFont="1" applyFill="1" applyBorder="1" applyAlignment="1">
      <alignment horizontal="center"/>
    </xf>
    <xf numFmtId="3" fontId="0" fillId="0" borderId="9" xfId="0" applyNumberFormat="1" applyBorder="1" applyAlignment="1">
      <alignment horizontal="center"/>
    </xf>
    <xf numFmtId="164" fontId="0" fillId="0" borderId="9" xfId="0" applyNumberFormat="1" applyBorder="1" applyAlignment="1">
      <alignment horizontal="center"/>
    </xf>
    <xf numFmtId="3" fontId="0" fillId="3" borderId="9" xfId="0" applyNumberFormat="1" applyFill="1" applyBorder="1" applyAlignment="1">
      <alignment horizontal="center"/>
    </xf>
    <xf numFmtId="164" fontId="0" fillId="3" borderId="8" xfId="0" applyNumberFormat="1" applyFill="1" applyBorder="1" applyAlignment="1">
      <alignment horizontal="center"/>
    </xf>
    <xf numFmtId="0" fontId="0" fillId="0" borderId="7" xfId="0" quotePrefix="1" applyBorder="1" applyAlignment="1">
      <alignment horizontal="center"/>
    </xf>
    <xf numFmtId="0" fontId="0" fillId="0" borderId="0" xfId="0" quotePrefix="1"/>
    <xf numFmtId="0" fontId="11" fillId="6" borderId="1" xfId="0" applyFont="1" applyFill="1" applyBorder="1" applyAlignment="1">
      <alignment wrapText="1"/>
    </xf>
    <xf numFmtId="0" fontId="0" fillId="6" borderId="1" xfId="0" applyFill="1" applyBorder="1"/>
    <xf numFmtId="0" fontId="0" fillId="6" borderId="1" xfId="0" applyFill="1" applyBorder="1" applyAlignment="1">
      <alignment horizontal="left" wrapText="1"/>
    </xf>
    <xf numFmtId="0" fontId="12" fillId="6" borderId="1" xfId="0" applyFont="1" applyFill="1" applyBorder="1" applyAlignment="1">
      <alignment horizontal="left" wrapText="1"/>
    </xf>
    <xf numFmtId="49" fontId="13" fillId="6" borderId="1" xfId="0" applyNumberFormat="1" applyFont="1" applyFill="1" applyBorder="1" applyAlignment="1">
      <alignment horizontal="center"/>
    </xf>
    <xf numFmtId="0" fontId="0" fillId="6" borderId="1" xfId="0" applyFill="1" applyBorder="1" applyAlignment="1">
      <alignment horizontal="left" vertical="center" wrapText="1"/>
    </xf>
    <xf numFmtId="3" fontId="0" fillId="6" borderId="1" xfId="0" applyNumberFormat="1" applyFill="1" applyBorder="1"/>
    <xf numFmtId="3" fontId="0" fillId="0" borderId="1" xfId="0" applyNumberFormat="1" applyBorder="1"/>
    <xf numFmtId="0" fontId="0" fillId="6" borderId="1" xfId="0" applyFill="1" applyBorder="1" applyAlignment="1">
      <alignment vertical="center" wrapText="1"/>
    </xf>
    <xf numFmtId="3" fontId="0" fillId="6" borderId="1" xfId="0" applyNumberFormat="1" applyFill="1" applyBorder="1" applyAlignment="1">
      <alignment vertical="center"/>
    </xf>
    <xf numFmtId="3" fontId="0" fillId="0" borderId="1" xfId="0" applyNumberFormat="1" applyBorder="1" applyAlignment="1">
      <alignment vertical="center"/>
    </xf>
    <xf numFmtId="164" fontId="0" fillId="6" borderId="1" xfId="0" applyNumberFormat="1" applyFill="1" applyBorder="1" applyAlignment="1">
      <alignment vertical="center"/>
    </xf>
    <xf numFmtId="164" fontId="0" fillId="6" borderId="1" xfId="0" applyNumberFormat="1" applyFill="1" applyBorder="1"/>
    <xf numFmtId="164" fontId="0" fillId="0" borderId="1" xfId="0" applyNumberFormat="1" applyBorder="1" applyAlignment="1">
      <alignment vertical="center"/>
    </xf>
    <xf numFmtId="4" fontId="0" fillId="0" borderId="1" xfId="0" applyNumberFormat="1" applyBorder="1"/>
    <xf numFmtId="0" fontId="0" fillId="6" borderId="1" xfId="0" applyFill="1" applyBorder="1" applyAlignment="1">
      <alignment wrapText="1"/>
    </xf>
    <xf numFmtId="3" fontId="13" fillId="6" borderId="1" xfId="0" applyNumberFormat="1" applyFont="1" applyFill="1" applyBorder="1" applyAlignment="1">
      <alignment horizontal="center"/>
    </xf>
    <xf numFmtId="4" fontId="0" fillId="0" borderId="0" xfId="0" applyNumberFormat="1"/>
  </cellXfs>
  <cellStyles count="3">
    <cellStyle name="Comma" xfId="1" builtinId="3"/>
    <cellStyle name="Currency" xfId="2" builtinId="4"/>
    <cellStyle name="Normal"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microsoft.com/office/2017/10/relationships/person" Target="persons/person.xml"/><Relationship Id="rId3" Type="http://schemas.openxmlformats.org/officeDocument/2006/relationships/worksheet" Target="worksheets/sheet3.xml"/><Relationship Id="rId7" Type="http://schemas.openxmlformats.org/officeDocument/2006/relationships/worksheet" Target="worksheets/sheet7.xml"/><Relationship Id="rId12" Type="http://schemas.openxmlformats.org/officeDocument/2006/relationships/sharedStrings" Target="sharedStrings.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styles" Target="styles.xml"/><Relationship Id="rId5" Type="http://schemas.openxmlformats.org/officeDocument/2006/relationships/worksheet" Target="worksheets/sheet5.xml"/><Relationship Id="rId10" Type="http://schemas.openxmlformats.org/officeDocument/2006/relationships/theme" Target="theme/theme1.xml"/><Relationship Id="rId4" Type="http://schemas.openxmlformats.org/officeDocument/2006/relationships/worksheet" Target="worksheets/sheet4.xml"/><Relationship Id="rId9" Type="http://schemas.openxmlformats.org/officeDocument/2006/relationships/externalLink" Target="externalLinks/externalLink1.xml"/><Relationship Id="rId14" Type="http://schemas.openxmlformats.org/officeDocument/2006/relationships/calcChain" Target="calcChain.xml"/></Relationships>
</file>

<file path=xl/drawings/_rels/drawing1.xml.rels><?xml version="1.0" encoding="UTF-8" standalone="yes"?>
<Relationships xmlns="http://schemas.openxmlformats.org/package/2006/relationships"><Relationship Id="rId1" Type="http://schemas.openxmlformats.org/officeDocument/2006/relationships/image" Target="../media/image1.jpeg"/></Relationships>
</file>

<file path=xl/drawings/drawing1.xml><?xml version="1.0" encoding="utf-8"?>
<xdr:wsDr xmlns:xdr="http://schemas.openxmlformats.org/drawingml/2006/spreadsheetDrawing" xmlns:a="http://schemas.openxmlformats.org/drawingml/2006/main">
  <xdr:twoCellAnchor>
    <xdr:from>
      <xdr:col>6</xdr:col>
      <xdr:colOff>3263900</xdr:colOff>
      <xdr:row>0</xdr:row>
      <xdr:rowOff>101600</xdr:rowOff>
    </xdr:from>
    <xdr:to>
      <xdr:col>6</xdr:col>
      <xdr:colOff>5067300</xdr:colOff>
      <xdr:row>6</xdr:row>
      <xdr:rowOff>0</xdr:rowOff>
    </xdr:to>
    <xdr:pic>
      <xdr:nvPicPr>
        <xdr:cNvPr id="2" name="Picture 1" descr="I&amp;M_2C_RG">
          <a:extLst>
            <a:ext uri="{FF2B5EF4-FFF2-40B4-BE49-F238E27FC236}">
              <a16:creationId xmlns:a16="http://schemas.microsoft.com/office/drawing/2014/main" id="{3D15C6D6-6F46-4147-801E-5B5467597753}"/>
            </a:ext>
          </a:extLst>
        </xdr:cNvPr>
        <xdr:cNvPicPr>
          <a:picLocks noChangeAspect="1" noChangeArrowheads="1"/>
        </xdr:cNvPicPr>
      </xdr:nvPicPr>
      <xdr:blipFill>
        <a:blip xmlns:r="http://schemas.openxmlformats.org/officeDocument/2006/relationships" r:embed="rId1" cstate="print">
          <a:extLst>
            <a:ext uri="{28A0092B-C50C-407E-A947-70E740481C1C}">
              <a14:useLocalDpi xmlns:a14="http://schemas.microsoft.com/office/drawing/2010/main" val="0"/>
            </a:ext>
          </a:extLst>
        </a:blip>
        <a:srcRect/>
        <a:stretch>
          <a:fillRect/>
        </a:stretch>
      </xdr:blipFill>
      <xdr:spPr bwMode="auto">
        <a:xfrm>
          <a:off x="9505950" y="101600"/>
          <a:ext cx="1803400" cy="1003300"/>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0</xdr:col>
      <xdr:colOff>82550</xdr:colOff>
      <xdr:row>1</xdr:row>
      <xdr:rowOff>0</xdr:rowOff>
    </xdr:from>
    <xdr:to>
      <xdr:col>5</xdr:col>
      <xdr:colOff>1333500</xdr:colOff>
      <xdr:row>9</xdr:row>
      <xdr:rowOff>88900</xdr:rowOff>
    </xdr:to>
    <xdr:sp macro="" textlink="">
      <xdr:nvSpPr>
        <xdr:cNvPr id="3" name="TextBox 2">
          <a:extLst>
            <a:ext uri="{FF2B5EF4-FFF2-40B4-BE49-F238E27FC236}">
              <a16:creationId xmlns:a16="http://schemas.microsoft.com/office/drawing/2014/main" id="{CD085E50-E73C-4082-8599-58C991524852}"/>
            </a:ext>
          </a:extLst>
        </xdr:cNvPr>
        <xdr:cNvSpPr txBox="1"/>
      </xdr:nvSpPr>
      <xdr:spPr>
        <a:xfrm>
          <a:off x="82550" y="184150"/>
          <a:ext cx="4298950" cy="156210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lang="en-US" sz="1500" b="1">
              <a:latin typeface="Arial" panose="020B0604020202020204" pitchFamily="34" charset="0"/>
              <a:cs typeface="Arial" panose="020B0604020202020204" pitchFamily="34" charset="0"/>
            </a:rPr>
            <a:t>Indiana Michigan Power Company </a:t>
          </a:r>
        </a:p>
        <a:p>
          <a:r>
            <a:rPr lang="en-US" sz="1500" b="1">
              <a:latin typeface="Arial" panose="020B0604020202020204" pitchFamily="34" charset="0"/>
              <a:cs typeface="Arial" panose="020B0604020202020204" pitchFamily="34" charset="0"/>
            </a:rPr>
            <a:t>Cause</a:t>
          </a:r>
          <a:r>
            <a:rPr lang="en-US" sz="1500" b="1" baseline="0">
              <a:latin typeface="Arial" panose="020B0604020202020204" pitchFamily="34" charset="0"/>
              <a:cs typeface="Arial" panose="020B0604020202020204" pitchFamily="34" charset="0"/>
            </a:rPr>
            <a:t> No. 45736</a:t>
          </a:r>
        </a:p>
        <a:p>
          <a:r>
            <a:rPr lang="en-US" sz="1500" b="1" baseline="0">
              <a:latin typeface="Arial" panose="020B0604020202020204" pitchFamily="34" charset="0"/>
              <a:cs typeface="Arial" panose="020B0604020202020204" pitchFamily="34" charset="0"/>
            </a:rPr>
            <a:t>December 2022 Report </a:t>
          </a:r>
          <a:endParaRPr lang="en-US" sz="1500" b="1">
            <a:latin typeface="Arial" panose="020B0604020202020204" pitchFamily="34" charset="0"/>
            <a:cs typeface="Arial" panose="020B0604020202020204" pitchFamily="34" charset="0"/>
          </a:endParaRPr>
        </a:p>
      </xdr:txBody>
    </xdr:sp>
    <xdr:clientData/>
  </xdr:twoCellAnchor>
</xdr:wsDr>
</file>

<file path=xl/externalLinks/_rels/externalLink1.xml.rels><?xml version="1.0" encoding="UTF-8" standalone="yes"?>
<Relationships xmlns="http://schemas.openxmlformats.org/package/2006/relationships"><Relationship Id="rId1" Type="http://schemas.openxmlformats.org/officeDocument/2006/relationships/externalLinkPath" Target="file:///C:\Users\s308615\Documents\U-20757_Reporting_September%202022.xlsx"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Template"/>
      <sheetName val="Data Clarification"/>
      <sheetName val="NormalizedData"/>
      <sheetName val="SourceData"/>
      <sheetName val="U-20757_Reporting_September 202"/>
    </sheetNames>
    <sheetDataSet>
      <sheetData sheetId="0"/>
      <sheetData sheetId="1"/>
      <sheetData sheetId="2"/>
      <sheetData sheetId="3"/>
      <sheetData sheetId="4" refreshError="1"/>
    </sheetDataSet>
  </externalBook>
</externalLink>
</file>

<file path=xl/persons/person.xml><?xml version="1.0" encoding="utf-8"?>
<personList xmlns="http://schemas.microsoft.com/office/spreadsheetml/2018/threadedcomments" xmlns:x="http://schemas.openxmlformats.org/spreadsheetml/2006/main"/>
</file>

<file path=xl/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7.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B747C8F5-8636-4E90-B8BE-CA60585B1759}">
  <dimension ref="A1:F9"/>
  <sheetViews>
    <sheetView workbookViewId="0">
      <pane ySplit="2" topLeftCell="A3" activePane="bottomLeft" state="frozen"/>
      <selection pane="bottomLeft" activeCell="C20" sqref="C20"/>
    </sheetView>
  </sheetViews>
  <sheetFormatPr defaultRowHeight="14.5" x14ac:dyDescent="0.35"/>
  <cols>
    <col min="1" max="1" width="5" bestFit="1" customWidth="1"/>
    <col min="2" max="2" width="7" bestFit="1" customWidth="1"/>
    <col min="3" max="3" width="11.7265625" style="13" customWidth="1"/>
    <col min="4" max="4" width="11.7265625" style="12" customWidth="1"/>
    <col min="5" max="5" width="11.7265625" style="13" customWidth="1"/>
  </cols>
  <sheetData>
    <row r="1" spans="1:6" ht="18.649999999999999" customHeight="1" x14ac:dyDescent="0.45">
      <c r="A1" s="23" t="s">
        <v>12</v>
      </c>
      <c r="B1" s="23"/>
      <c r="C1" s="23"/>
      <c r="D1" s="23"/>
      <c r="E1" s="23"/>
    </row>
    <row r="2" spans="1:6" ht="43.5" x14ac:dyDescent="0.35">
      <c r="A2" s="2" t="s">
        <v>1</v>
      </c>
      <c r="B2" s="2" t="s">
        <v>2</v>
      </c>
      <c r="C2" s="3" t="s">
        <v>13</v>
      </c>
      <c r="D2" s="4" t="s">
        <v>14</v>
      </c>
      <c r="E2" s="3" t="s">
        <v>15</v>
      </c>
    </row>
    <row r="3" spans="1:6" x14ac:dyDescent="0.35">
      <c r="A3">
        <v>2022</v>
      </c>
      <c r="B3" s="8">
        <v>9</v>
      </c>
      <c r="C3" s="6">
        <v>14970</v>
      </c>
      <c r="D3" s="6">
        <v>4988</v>
      </c>
      <c r="E3" s="7">
        <v>684972.38</v>
      </c>
    </row>
    <row r="4" spans="1:6" x14ac:dyDescent="0.35">
      <c r="A4">
        <v>2022</v>
      </c>
      <c r="B4" s="9">
        <v>10</v>
      </c>
      <c r="C4" s="10">
        <v>15241</v>
      </c>
      <c r="D4" s="10">
        <v>3089</v>
      </c>
      <c r="E4" s="11">
        <v>432262</v>
      </c>
    </row>
    <row r="5" spans="1:6" x14ac:dyDescent="0.35">
      <c r="A5">
        <v>2022</v>
      </c>
      <c r="B5" s="8">
        <v>11</v>
      </c>
      <c r="C5" s="6">
        <v>14524</v>
      </c>
      <c r="D5" s="6">
        <v>4180</v>
      </c>
      <c r="E5" s="7">
        <v>483129</v>
      </c>
      <c r="F5" t="s">
        <v>16</v>
      </c>
    </row>
    <row r="6" spans="1:6" x14ac:dyDescent="0.35">
      <c r="A6">
        <v>2022</v>
      </c>
      <c r="B6" s="9">
        <v>12</v>
      </c>
      <c r="C6" s="10">
        <v>14434</v>
      </c>
      <c r="D6" s="10">
        <v>5110</v>
      </c>
      <c r="E6" s="11">
        <v>629046</v>
      </c>
    </row>
    <row r="7" spans="1:6" x14ac:dyDescent="0.35">
      <c r="C7" s="12"/>
    </row>
    <row r="8" spans="1:6" x14ac:dyDescent="0.35">
      <c r="C8" s="12"/>
    </row>
    <row r="9" spans="1:6" x14ac:dyDescent="0.35">
      <c r="C9" s="12"/>
    </row>
  </sheetData>
  <mergeCells count="1">
    <mergeCell ref="A1:E1"/>
  </mergeCells>
  <pageMargins left="0.7" right="0.7" top="0.75" bottom="0.75" header="0.3" footer="0.3"/>
  <pageSetup orientation="portrait" r:id="rId1"/>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3451518E-B176-49AE-ACD2-B92623449233}">
  <dimension ref="A1:K13"/>
  <sheetViews>
    <sheetView zoomScaleNormal="100" workbookViewId="0">
      <pane ySplit="2" topLeftCell="A3" activePane="bottomLeft" state="frozen"/>
      <selection pane="bottomLeft" activeCell="J13" sqref="J13"/>
    </sheetView>
  </sheetViews>
  <sheetFormatPr defaultRowHeight="14.5" x14ac:dyDescent="0.35"/>
  <cols>
    <col min="1" max="1" width="5" bestFit="1" customWidth="1"/>
    <col min="2" max="2" width="7" bestFit="1" customWidth="1"/>
    <col min="3" max="3" width="11.7265625" style="13" customWidth="1"/>
    <col min="4" max="4" width="11.7265625" style="12" customWidth="1"/>
    <col min="5" max="5" width="11.7265625" customWidth="1"/>
    <col min="6" max="6" width="11.7265625" style="12" customWidth="1"/>
    <col min="7" max="7" width="11.7265625" customWidth="1"/>
    <col min="8" max="8" width="10.7265625" hidden="1" customWidth="1"/>
    <col min="9" max="9" width="14.54296875" bestFit="1" customWidth="1"/>
    <col min="10" max="10" width="14.1796875" bestFit="1" customWidth="1"/>
    <col min="11" max="11" width="14" customWidth="1"/>
  </cols>
  <sheetData>
    <row r="1" spans="1:11" ht="18.75" customHeight="1" x14ac:dyDescent="0.45">
      <c r="A1" s="23" t="s">
        <v>0</v>
      </c>
      <c r="B1" s="23"/>
      <c r="C1" s="23"/>
      <c r="D1" s="23"/>
      <c r="E1" s="23"/>
      <c r="F1" s="23"/>
      <c r="G1" s="23"/>
      <c r="H1" s="23"/>
      <c r="I1" s="23"/>
      <c r="J1" s="23"/>
      <c r="K1" s="23"/>
    </row>
    <row r="2" spans="1:11" ht="101.5" x14ac:dyDescent="0.35">
      <c r="A2" s="2" t="s">
        <v>1</v>
      </c>
      <c r="B2" s="2" t="s">
        <v>2</v>
      </c>
      <c r="C2" s="3" t="s">
        <v>3</v>
      </c>
      <c r="D2" s="4" t="s">
        <v>4</v>
      </c>
      <c r="E2" s="4" t="s">
        <v>5</v>
      </c>
      <c r="F2" s="4" t="s">
        <v>6</v>
      </c>
      <c r="G2" s="4" t="s">
        <v>7</v>
      </c>
      <c r="H2" s="4" t="s">
        <v>8</v>
      </c>
      <c r="I2" s="4" t="s">
        <v>9</v>
      </c>
      <c r="J2" s="4" t="s">
        <v>10</v>
      </c>
      <c r="K2" s="4" t="s">
        <v>11</v>
      </c>
    </row>
    <row r="3" spans="1:11" x14ac:dyDescent="0.35">
      <c r="A3">
        <v>2022</v>
      </c>
      <c r="B3" s="5">
        <v>9</v>
      </c>
      <c r="C3" s="6">
        <v>420149</v>
      </c>
      <c r="D3" s="6">
        <v>38756</v>
      </c>
      <c r="E3" s="7">
        <v>3930584.69</v>
      </c>
      <c r="F3" s="6">
        <v>17312</v>
      </c>
      <c r="G3" s="7">
        <v>7117300.5199999996</v>
      </c>
      <c r="H3" s="8"/>
      <c r="I3" s="6">
        <v>5937</v>
      </c>
      <c r="J3" s="6">
        <v>5066</v>
      </c>
      <c r="K3" s="6">
        <v>65727</v>
      </c>
    </row>
    <row r="4" spans="1:11" x14ac:dyDescent="0.35">
      <c r="A4">
        <v>2022</v>
      </c>
      <c r="B4" s="9">
        <v>10</v>
      </c>
      <c r="C4" s="10">
        <v>420415</v>
      </c>
      <c r="D4" s="10">
        <v>36855</v>
      </c>
      <c r="E4" s="11">
        <v>3583330</v>
      </c>
      <c r="F4" s="10">
        <v>17310</v>
      </c>
      <c r="G4" s="11">
        <v>6421490</v>
      </c>
      <c r="H4" s="9"/>
      <c r="I4" s="10">
        <v>6156</v>
      </c>
      <c r="J4" s="10">
        <v>5212</v>
      </c>
      <c r="K4" s="10">
        <v>66735</v>
      </c>
    </row>
    <row r="5" spans="1:11" x14ac:dyDescent="0.35">
      <c r="A5">
        <v>2022</v>
      </c>
      <c r="B5" s="8">
        <v>11</v>
      </c>
      <c r="C5" s="6">
        <v>419087</v>
      </c>
      <c r="D5" s="6">
        <v>44603</v>
      </c>
      <c r="E5" s="7">
        <v>4746527</v>
      </c>
      <c r="F5" s="6">
        <v>17417</v>
      </c>
      <c r="G5" s="7">
        <v>6404987</v>
      </c>
      <c r="H5" s="8"/>
      <c r="I5" s="6">
        <v>6204</v>
      </c>
      <c r="J5" s="6">
        <v>5366</v>
      </c>
      <c r="K5" s="6">
        <v>64733</v>
      </c>
    </row>
    <row r="6" spans="1:11" x14ac:dyDescent="0.35">
      <c r="A6">
        <v>2022</v>
      </c>
      <c r="B6" s="9">
        <v>12</v>
      </c>
      <c r="C6" s="10">
        <v>419012</v>
      </c>
      <c r="D6" s="10">
        <v>43076</v>
      </c>
      <c r="E6" s="11">
        <v>3897222</v>
      </c>
      <c r="F6" s="10">
        <v>17236</v>
      </c>
      <c r="G6" s="11">
        <v>7186907</v>
      </c>
      <c r="H6" s="9"/>
      <c r="I6" s="10">
        <v>5123</v>
      </c>
      <c r="J6" s="10">
        <v>4556</v>
      </c>
      <c r="K6" s="10">
        <v>61578</v>
      </c>
    </row>
    <row r="7" spans="1:11" x14ac:dyDescent="0.35">
      <c r="C7" s="12"/>
      <c r="E7" s="13"/>
      <c r="G7" s="13"/>
    </row>
    <row r="8" spans="1:11" x14ac:dyDescent="0.35">
      <c r="C8" s="12"/>
      <c r="E8" s="13"/>
      <c r="G8" s="13"/>
    </row>
    <row r="9" spans="1:11" x14ac:dyDescent="0.35">
      <c r="C9" s="12"/>
      <c r="E9" s="12"/>
    </row>
    <row r="10" spans="1:11" x14ac:dyDescent="0.35">
      <c r="C10" s="12"/>
      <c r="E10" s="12"/>
    </row>
    <row r="11" spans="1:11" x14ac:dyDescent="0.35">
      <c r="C11" s="12"/>
      <c r="E11" s="12"/>
    </row>
    <row r="12" spans="1:11" x14ac:dyDescent="0.35">
      <c r="C12" s="12"/>
    </row>
    <row r="13" spans="1:11" x14ac:dyDescent="0.35">
      <c r="C13" s="12"/>
    </row>
  </sheetData>
  <mergeCells count="1">
    <mergeCell ref="A1:K1"/>
  </mergeCells>
  <pageMargins left="0.7" right="0.7" top="0.75" bottom="0.75" header="0.3" footer="0.3"/>
  <pageSetup orientation="portrait" r:id="rId1"/>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55312C95-DE8D-4BFC-B10E-3F03B6803DAD}">
  <sheetPr>
    <pageSetUpPr fitToPage="1"/>
  </sheetPr>
  <dimension ref="A1:J7"/>
  <sheetViews>
    <sheetView zoomScaleNormal="100" workbookViewId="0">
      <pane xSplit="2" ySplit="3" topLeftCell="C4" activePane="bottomRight" state="frozen"/>
      <selection pane="topRight" activeCell="C4" sqref="C4:G10"/>
      <selection pane="bottomLeft" activeCell="C4" sqref="C4:G10"/>
      <selection pane="bottomRight" sqref="A1:J1"/>
    </sheetView>
  </sheetViews>
  <sheetFormatPr defaultRowHeight="14.5" x14ac:dyDescent="0.35"/>
  <cols>
    <col min="1" max="1" width="4.81640625" bestFit="1" customWidth="1"/>
    <col min="2" max="2" width="6.54296875" bestFit="1" customWidth="1"/>
    <col min="3" max="3" width="13.54296875" style="13" customWidth="1"/>
    <col min="4" max="4" width="13.54296875" customWidth="1"/>
    <col min="5" max="6" width="13.54296875" style="12" customWidth="1"/>
    <col min="7" max="7" width="13.54296875" customWidth="1"/>
    <col min="8" max="8" width="14.1796875" customWidth="1"/>
    <col min="9" max="9" width="14.26953125" customWidth="1"/>
    <col min="10" max="10" width="13.54296875" customWidth="1"/>
  </cols>
  <sheetData>
    <row r="1" spans="1:10" ht="18.75" customHeight="1" x14ac:dyDescent="0.45">
      <c r="A1" s="23" t="s">
        <v>54</v>
      </c>
      <c r="B1" s="23"/>
      <c r="C1" s="23"/>
      <c r="D1" s="23"/>
      <c r="E1" s="23"/>
      <c r="F1" s="23"/>
      <c r="G1" s="23"/>
      <c r="H1" s="23"/>
      <c r="I1" s="23"/>
      <c r="J1" s="23"/>
    </row>
    <row r="2" spans="1:10" s="55" customFormat="1" ht="18.75" customHeight="1" x14ac:dyDescent="0.45">
      <c r="A2" s="1"/>
      <c r="B2" s="1"/>
      <c r="C2" s="54" t="s">
        <v>55</v>
      </c>
      <c r="D2" s="54" t="s">
        <v>56</v>
      </c>
      <c r="E2" s="54" t="s">
        <v>57</v>
      </c>
      <c r="F2" s="54" t="s">
        <v>58</v>
      </c>
      <c r="G2" s="54" t="s">
        <v>59</v>
      </c>
      <c r="H2" s="54" t="s">
        <v>60</v>
      </c>
      <c r="I2" s="54" t="s">
        <v>61</v>
      </c>
      <c r="J2" s="54" t="s">
        <v>62</v>
      </c>
    </row>
    <row r="3" spans="1:10" s="55" customFormat="1" ht="78.75" customHeight="1" x14ac:dyDescent="0.35">
      <c r="A3" s="2" t="s">
        <v>1</v>
      </c>
      <c r="B3" s="2" t="s">
        <v>2</v>
      </c>
      <c r="C3" s="3" t="s">
        <v>63</v>
      </c>
      <c r="D3" s="4" t="s">
        <v>64</v>
      </c>
      <c r="E3" s="4" t="s">
        <v>65</v>
      </c>
      <c r="F3" s="4" t="s">
        <v>66</v>
      </c>
      <c r="G3" s="4" t="s">
        <v>67</v>
      </c>
      <c r="H3" s="4" t="s">
        <v>68</v>
      </c>
      <c r="I3" s="4" t="s">
        <v>69</v>
      </c>
      <c r="J3" s="4" t="s">
        <v>70</v>
      </c>
    </row>
    <row r="4" spans="1:10" x14ac:dyDescent="0.35">
      <c r="A4" s="56">
        <v>2022</v>
      </c>
      <c r="B4" s="56">
        <v>9</v>
      </c>
      <c r="C4" s="57">
        <v>578991</v>
      </c>
      <c r="D4" s="57">
        <v>22660</v>
      </c>
      <c r="E4" s="58">
        <v>4112835.2394007146</v>
      </c>
      <c r="F4" s="57">
        <v>858</v>
      </c>
      <c r="G4" s="58">
        <f>F4*306</f>
        <v>262548</v>
      </c>
      <c r="H4" s="57">
        <v>2679</v>
      </c>
      <c r="I4" s="57">
        <v>1370</v>
      </c>
      <c r="J4" s="57">
        <v>19300</v>
      </c>
    </row>
    <row r="5" spans="1:10" x14ac:dyDescent="0.35">
      <c r="A5" s="59">
        <v>2022</v>
      </c>
      <c r="B5" s="59">
        <f t="shared" ref="B5" si="0">B4+1</f>
        <v>10</v>
      </c>
      <c r="C5" s="60">
        <v>581690</v>
      </c>
      <c r="D5" s="60">
        <v>19336</v>
      </c>
      <c r="E5" s="61">
        <v>3137917</v>
      </c>
      <c r="F5" s="60">
        <v>809</v>
      </c>
      <c r="G5" s="61">
        <f>F5*292</f>
        <v>236228</v>
      </c>
      <c r="H5" s="60">
        <v>1343</v>
      </c>
      <c r="I5" s="60">
        <v>1618</v>
      </c>
      <c r="J5" s="60">
        <v>17144</v>
      </c>
    </row>
    <row r="6" spans="1:10" x14ac:dyDescent="0.35">
      <c r="A6" s="56">
        <v>2022</v>
      </c>
      <c r="B6" s="56">
        <v>11</v>
      </c>
      <c r="C6" s="57">
        <v>585804</v>
      </c>
      <c r="D6" s="57">
        <v>17147</v>
      </c>
      <c r="E6" s="58">
        <v>2402747.4408666636</v>
      </c>
      <c r="F6" s="57">
        <v>886</v>
      </c>
      <c r="G6" s="58">
        <f>F6*291</f>
        <v>257826</v>
      </c>
      <c r="H6" s="57">
        <v>591</v>
      </c>
      <c r="I6" s="57">
        <v>1293</v>
      </c>
      <c r="J6" s="57">
        <v>19450</v>
      </c>
    </row>
    <row r="7" spans="1:10" x14ac:dyDescent="0.35">
      <c r="A7" s="59">
        <v>2022</v>
      </c>
      <c r="B7" s="59">
        <v>12</v>
      </c>
      <c r="C7" s="60">
        <v>588947</v>
      </c>
      <c r="D7" s="60">
        <v>14781</v>
      </c>
      <c r="E7" s="61">
        <v>1747378.2209728579</v>
      </c>
      <c r="F7" s="60">
        <v>1453</v>
      </c>
      <c r="G7" s="61">
        <f>F7*278</f>
        <v>403934</v>
      </c>
      <c r="H7" s="60">
        <v>670</v>
      </c>
      <c r="I7" s="60">
        <v>717</v>
      </c>
      <c r="J7" s="60">
        <v>31779</v>
      </c>
    </row>
  </sheetData>
  <mergeCells count="1">
    <mergeCell ref="A1:J1"/>
  </mergeCells>
  <pageMargins left="0.7" right="0.7" top="1" bottom="0.75" header="0.3" footer="0.3"/>
  <pageSetup orientation="landscape" r:id="rId1"/>
  <headerFooter>
    <oddHeader>&amp;R&amp;10Vectren Energy Delivery of Indiana, Inc.
Cause No. 45380
Attachment 1
Page 1 of 6</oddHeader>
  </headerFooter>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32262C8D-C2B0-41E2-BC1B-B4C9C6FC5B78}">
  <sheetPr>
    <pageSetUpPr fitToPage="1"/>
  </sheetPr>
  <dimension ref="A1:K12"/>
  <sheetViews>
    <sheetView zoomScaleNormal="100" workbookViewId="0">
      <pane xSplit="2" ySplit="3" topLeftCell="C4" activePane="bottomRight" state="frozen"/>
      <selection pane="topRight" activeCell="C4" sqref="C4:G10"/>
      <selection pane="bottomLeft" activeCell="C4" sqref="C4:G10"/>
      <selection pane="bottomRight" sqref="A1:K1"/>
    </sheetView>
  </sheetViews>
  <sheetFormatPr defaultRowHeight="14.5" x14ac:dyDescent="0.35"/>
  <cols>
    <col min="1" max="1" width="4.81640625" bestFit="1" customWidth="1"/>
    <col min="2" max="2" width="6.54296875" bestFit="1" customWidth="1"/>
    <col min="3" max="5" width="13.54296875" style="13" customWidth="1"/>
    <col min="6" max="6" width="13.54296875" customWidth="1"/>
    <col min="7" max="8" width="13.54296875" style="12" customWidth="1"/>
    <col min="9" max="9" width="14.26953125" customWidth="1"/>
    <col min="10" max="10" width="14" customWidth="1"/>
    <col min="11" max="11" width="13.54296875" customWidth="1"/>
  </cols>
  <sheetData>
    <row r="1" spans="1:11" ht="18.75" customHeight="1" x14ac:dyDescent="0.45">
      <c r="A1" s="23" t="s">
        <v>71</v>
      </c>
      <c r="B1" s="23"/>
      <c r="C1" s="23"/>
      <c r="D1" s="23"/>
      <c r="E1" s="23"/>
      <c r="F1" s="23"/>
      <c r="G1" s="23"/>
      <c r="H1" s="23"/>
      <c r="I1" s="23"/>
      <c r="J1" s="23"/>
      <c r="K1" s="23"/>
    </row>
    <row r="2" spans="1:11" s="55" customFormat="1" ht="18.75" customHeight="1" x14ac:dyDescent="0.45">
      <c r="A2" s="1"/>
      <c r="B2" s="1"/>
      <c r="C2" s="54" t="s">
        <v>55</v>
      </c>
      <c r="D2" s="54" t="s">
        <v>55</v>
      </c>
      <c r="E2" s="54" t="s">
        <v>56</v>
      </c>
      <c r="F2" s="54" t="s">
        <v>57</v>
      </c>
      <c r="G2" s="54" t="s">
        <v>58</v>
      </c>
      <c r="H2" s="54" t="s">
        <v>59</v>
      </c>
      <c r="I2" s="54" t="s">
        <v>60</v>
      </c>
      <c r="J2" s="54" t="s">
        <v>61</v>
      </c>
      <c r="K2" s="54" t="s">
        <v>62</v>
      </c>
    </row>
    <row r="3" spans="1:11" s="55" customFormat="1" ht="72.5" x14ac:dyDescent="0.35">
      <c r="A3" s="2" t="s">
        <v>1</v>
      </c>
      <c r="B3" s="2" t="s">
        <v>2</v>
      </c>
      <c r="C3" s="3" t="s">
        <v>72</v>
      </c>
      <c r="D3" s="3" t="s">
        <v>73</v>
      </c>
      <c r="E3" s="4" t="s">
        <v>74</v>
      </c>
      <c r="F3" s="4" t="s">
        <v>65</v>
      </c>
      <c r="G3" s="4" t="s">
        <v>66</v>
      </c>
      <c r="H3" s="4" t="s">
        <v>67</v>
      </c>
      <c r="I3" s="4" t="s">
        <v>68</v>
      </c>
      <c r="J3" s="4" t="s">
        <v>69</v>
      </c>
      <c r="K3" s="4" t="s">
        <v>70</v>
      </c>
    </row>
    <row r="4" spans="1:11" x14ac:dyDescent="0.35">
      <c r="A4" s="56">
        <v>2022</v>
      </c>
      <c r="B4" s="56">
        <v>9</v>
      </c>
      <c r="C4" s="57">
        <v>103238</v>
      </c>
      <c r="D4" s="57">
        <v>131780</v>
      </c>
      <c r="E4" s="57">
        <v>5877</v>
      </c>
      <c r="F4" s="58">
        <v>2731743.2695651241</v>
      </c>
      <c r="G4" s="57">
        <v>1173</v>
      </c>
      <c r="H4" s="58">
        <f>G4*758</f>
        <v>889134</v>
      </c>
      <c r="I4" s="57">
        <v>263</v>
      </c>
      <c r="J4" s="57">
        <v>187</v>
      </c>
      <c r="K4" s="57">
        <v>18598</v>
      </c>
    </row>
    <row r="5" spans="1:11" x14ac:dyDescent="0.35">
      <c r="A5" s="59">
        <v>2022</v>
      </c>
      <c r="B5" s="59">
        <f t="shared" ref="B5" si="0">B4+1</f>
        <v>10</v>
      </c>
      <c r="C5" s="60">
        <v>103518</v>
      </c>
      <c r="D5" s="60">
        <v>131885</v>
      </c>
      <c r="E5" s="60">
        <v>5575</v>
      </c>
      <c r="F5" s="61">
        <v>2671136</v>
      </c>
      <c r="G5" s="60">
        <v>1248</v>
      </c>
      <c r="H5" s="61">
        <f>G5*711</f>
        <v>887328</v>
      </c>
      <c r="I5" s="60">
        <v>100</v>
      </c>
      <c r="J5" s="60">
        <v>221</v>
      </c>
      <c r="K5" s="60">
        <v>19127</v>
      </c>
    </row>
    <row r="6" spans="1:11" x14ac:dyDescent="0.35">
      <c r="A6" s="56">
        <v>2022</v>
      </c>
      <c r="B6" s="56">
        <v>11</v>
      </c>
      <c r="C6" s="57">
        <v>104036</v>
      </c>
      <c r="D6" s="57">
        <v>132126</v>
      </c>
      <c r="E6" s="57">
        <v>5733</v>
      </c>
      <c r="F6" s="58">
        <v>2759277.6298584095</v>
      </c>
      <c r="G6" s="57">
        <v>1191</v>
      </c>
      <c r="H6" s="58">
        <f>G6*629</f>
        <v>749139</v>
      </c>
      <c r="I6" s="57">
        <v>67</v>
      </c>
      <c r="J6" s="57">
        <v>127</v>
      </c>
      <c r="K6" s="57">
        <v>19123</v>
      </c>
    </row>
    <row r="7" spans="1:11" x14ac:dyDescent="0.35">
      <c r="A7" s="59">
        <v>2022</v>
      </c>
      <c r="B7" s="59">
        <v>12</v>
      </c>
      <c r="C7" s="60">
        <v>104366</v>
      </c>
      <c r="D7" s="60">
        <v>132269</v>
      </c>
      <c r="E7" s="60">
        <v>5789</v>
      </c>
      <c r="F7" s="61">
        <v>2695658.4998442587</v>
      </c>
      <c r="G7" s="60">
        <v>1044</v>
      </c>
      <c r="H7" s="61">
        <f>G7*590</f>
        <v>615960</v>
      </c>
      <c r="I7" s="60">
        <v>346</v>
      </c>
      <c r="J7" s="60">
        <v>213</v>
      </c>
      <c r="K7" s="60">
        <v>18842</v>
      </c>
    </row>
    <row r="12" spans="1:11" x14ac:dyDescent="0.35">
      <c r="H12" s="56"/>
      <c r="I12" s="56"/>
    </row>
  </sheetData>
  <mergeCells count="1">
    <mergeCell ref="A1:K1"/>
  </mergeCells>
  <pageMargins left="0.7" right="0.7" top="1" bottom="0.75" header="0.3" footer="0.3"/>
  <pageSetup scale="90" orientation="landscape" r:id="rId1"/>
  <headerFooter>
    <oddHeader>&amp;RVectren Energy Delivery of Indiana, Inc.
Cause No. 45380
Attachment 1
Page 3 of 6</oddHeader>
  </headerFooter>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4F6622BE-41B9-430E-BD4D-C8AD2428AF82}">
  <dimension ref="A1:E10"/>
  <sheetViews>
    <sheetView workbookViewId="0">
      <selection sqref="A1:E1"/>
    </sheetView>
  </sheetViews>
  <sheetFormatPr defaultColWidth="9.1796875" defaultRowHeight="14.5" x14ac:dyDescent="0.35"/>
  <cols>
    <col min="1" max="1" width="4.81640625" bestFit="1" customWidth="1"/>
    <col min="2" max="2" width="7.1796875" customWidth="1"/>
    <col min="3" max="5" width="25.7265625" customWidth="1"/>
  </cols>
  <sheetData>
    <row r="1" spans="1:5" ht="18.5" x14ac:dyDescent="0.45">
      <c r="A1" s="23" t="s">
        <v>75</v>
      </c>
      <c r="B1" s="23"/>
      <c r="C1" s="23"/>
      <c r="D1" s="23"/>
      <c r="E1" s="23"/>
    </row>
    <row r="2" spans="1:5" ht="18.5" x14ac:dyDescent="0.45">
      <c r="A2" s="1"/>
      <c r="B2" s="1"/>
      <c r="C2" s="54" t="s">
        <v>76</v>
      </c>
      <c r="D2" s="54" t="s">
        <v>77</v>
      </c>
      <c r="E2" s="54" t="s">
        <v>78</v>
      </c>
    </row>
    <row r="3" spans="1:5" ht="29" x14ac:dyDescent="0.35">
      <c r="A3" s="3" t="s">
        <v>1</v>
      </c>
      <c r="B3" s="3" t="s">
        <v>2</v>
      </c>
      <c r="C3" s="3" t="s">
        <v>79</v>
      </c>
      <c r="D3" s="3" t="s">
        <v>80</v>
      </c>
      <c r="E3" s="3" t="s">
        <v>81</v>
      </c>
    </row>
    <row r="4" spans="1:5" x14ac:dyDescent="0.35">
      <c r="A4" s="56">
        <v>2022</v>
      </c>
      <c r="B4" s="56">
        <v>9</v>
      </c>
      <c r="C4" s="62">
        <v>22893</v>
      </c>
      <c r="D4" s="62">
        <v>2399</v>
      </c>
      <c r="E4" s="63">
        <v>755642.46</v>
      </c>
    </row>
    <row r="5" spans="1:5" x14ac:dyDescent="0.35">
      <c r="A5" s="59">
        <v>2022</v>
      </c>
      <c r="B5" s="59">
        <f t="shared" ref="B5" si="0">B4+1</f>
        <v>10</v>
      </c>
      <c r="C5" s="64">
        <v>23229</v>
      </c>
      <c r="D5" s="64">
        <v>2742</v>
      </c>
      <c r="E5" s="65">
        <v>834822.35</v>
      </c>
    </row>
    <row r="6" spans="1:5" ht="16.5" x14ac:dyDescent="0.35">
      <c r="A6" s="56">
        <v>2022</v>
      </c>
      <c r="B6" s="66" t="s">
        <v>82</v>
      </c>
      <c r="C6" s="62">
        <v>3183</v>
      </c>
      <c r="D6" s="62">
        <v>66</v>
      </c>
      <c r="E6" s="63">
        <v>13096.07</v>
      </c>
    </row>
    <row r="7" spans="1:5" x14ac:dyDescent="0.35">
      <c r="A7" s="59">
        <v>2022</v>
      </c>
      <c r="B7" s="59">
        <v>12</v>
      </c>
      <c r="C7" s="64">
        <v>7492</v>
      </c>
      <c r="D7" s="64">
        <v>382</v>
      </c>
      <c r="E7" s="65">
        <v>103150.56</v>
      </c>
    </row>
    <row r="10" spans="1:5" ht="16.5" x14ac:dyDescent="0.35">
      <c r="A10" s="67" t="s">
        <v>83</v>
      </c>
    </row>
  </sheetData>
  <mergeCells count="1">
    <mergeCell ref="A1:E1"/>
  </mergeCells>
  <pageMargins left="0.7" right="0.7" top="0.75" bottom="0.75" header="0.3" footer="0.3"/>
  <pageSetup orientation="portrait" horizontalDpi="0" verticalDpi="0" r:id="rId1"/>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CA9A6374-8353-406A-B6BA-AE864DF5BD11}">
  <dimension ref="A1:E16"/>
  <sheetViews>
    <sheetView workbookViewId="0">
      <selection activeCell="C10" sqref="C10"/>
    </sheetView>
  </sheetViews>
  <sheetFormatPr defaultColWidth="8.7265625" defaultRowHeight="14.5" x14ac:dyDescent="0.35"/>
  <cols>
    <col min="1" max="1" width="93.453125" style="83" bestFit="1" customWidth="1"/>
    <col min="2" max="2" width="11.1796875" style="69" bestFit="1" customWidth="1"/>
    <col min="3" max="3" width="11.81640625" style="69" bestFit="1" customWidth="1"/>
    <col min="4" max="4" width="10.81640625" style="69" bestFit="1" customWidth="1"/>
    <col min="5" max="5" width="12.7265625" style="69" bestFit="1" customWidth="1"/>
    <col min="6" max="16384" width="8.7265625" style="69"/>
  </cols>
  <sheetData>
    <row r="1" spans="1:5" ht="52" x14ac:dyDescent="0.6">
      <c r="A1" s="68" t="s">
        <v>84</v>
      </c>
    </row>
    <row r="2" spans="1:5" x14ac:dyDescent="0.35">
      <c r="A2" s="70"/>
    </row>
    <row r="3" spans="1:5" ht="18.5" x14ac:dyDescent="0.45">
      <c r="A3" s="71" t="s">
        <v>85</v>
      </c>
      <c r="B3" s="72" t="s">
        <v>86</v>
      </c>
      <c r="C3" s="72" t="s">
        <v>87</v>
      </c>
      <c r="D3" s="72" t="s">
        <v>88</v>
      </c>
      <c r="E3" s="72" t="s">
        <v>89</v>
      </c>
    </row>
    <row r="4" spans="1:5" x14ac:dyDescent="0.35">
      <c r="A4" s="73" t="s">
        <v>90</v>
      </c>
      <c r="B4" s="74">
        <v>882803</v>
      </c>
      <c r="C4" s="74">
        <v>881310</v>
      </c>
      <c r="D4" s="74">
        <v>749236</v>
      </c>
      <c r="E4" s="75">
        <v>751566</v>
      </c>
    </row>
    <row r="5" spans="1:5" x14ac:dyDescent="0.35">
      <c r="A5" s="76" t="s">
        <v>91</v>
      </c>
      <c r="B5" s="74">
        <v>48560</v>
      </c>
      <c r="C5" s="74">
        <v>30503</v>
      </c>
      <c r="D5" s="74">
        <v>24057</v>
      </c>
      <c r="E5" s="75">
        <v>24009</v>
      </c>
    </row>
    <row r="6" spans="1:5" x14ac:dyDescent="0.35">
      <c r="A6" s="76" t="s">
        <v>92</v>
      </c>
      <c r="B6" s="74">
        <v>4218</v>
      </c>
      <c r="C6" s="74">
        <v>2572</v>
      </c>
      <c r="D6" s="74">
        <v>1840</v>
      </c>
      <c r="E6" s="75">
        <v>2230</v>
      </c>
    </row>
    <row r="7" spans="1:5" x14ac:dyDescent="0.35">
      <c r="A7" s="76" t="s">
        <v>93</v>
      </c>
      <c r="B7" s="74">
        <v>2366</v>
      </c>
      <c r="C7" s="74">
        <v>1549</v>
      </c>
      <c r="D7" s="74">
        <v>1107</v>
      </c>
      <c r="E7" s="75">
        <v>1359</v>
      </c>
    </row>
    <row r="8" spans="1:5" x14ac:dyDescent="0.35">
      <c r="A8" s="76" t="s">
        <v>94</v>
      </c>
      <c r="B8" s="77">
        <v>48316</v>
      </c>
      <c r="C8" s="74">
        <v>49644</v>
      </c>
      <c r="D8" s="74">
        <v>65303</v>
      </c>
      <c r="E8" s="78">
        <v>71720</v>
      </c>
    </row>
    <row r="9" spans="1:5" x14ac:dyDescent="0.35">
      <c r="A9" s="76" t="s">
        <v>95</v>
      </c>
      <c r="B9" s="79">
        <v>38766511</v>
      </c>
      <c r="C9" s="80">
        <v>22938876</v>
      </c>
      <c r="D9" s="80">
        <v>23802556</v>
      </c>
      <c r="E9" s="81">
        <v>22972085</v>
      </c>
    </row>
    <row r="10" spans="1:5" x14ac:dyDescent="0.35">
      <c r="A10" s="76" t="s">
        <v>96</v>
      </c>
      <c r="B10" s="74">
        <v>25866</v>
      </c>
      <c r="C10" s="74">
        <v>25340</v>
      </c>
      <c r="D10" s="74">
        <v>26224</v>
      </c>
      <c r="E10" s="75">
        <v>25743</v>
      </c>
    </row>
    <row r="11" spans="1:5" x14ac:dyDescent="0.35">
      <c r="A11" s="76" t="s">
        <v>97</v>
      </c>
      <c r="B11" s="80">
        <v>17338784.739999998</v>
      </c>
      <c r="C11" s="80">
        <v>17558650.789999999</v>
      </c>
      <c r="D11" s="80">
        <v>18262125.73</v>
      </c>
      <c r="E11" s="82">
        <v>16860806.710000001</v>
      </c>
    </row>
    <row r="12" spans="1:5" x14ac:dyDescent="0.35">
      <c r="C12" s="74"/>
    </row>
    <row r="13" spans="1:5" ht="18.5" x14ac:dyDescent="0.45">
      <c r="A13" s="71" t="s">
        <v>98</v>
      </c>
      <c r="B13" s="72" t="s">
        <v>86</v>
      </c>
      <c r="C13" s="84" t="s">
        <v>87</v>
      </c>
      <c r="D13" s="72" t="s">
        <v>88</v>
      </c>
      <c r="E13" s="72" t="s">
        <v>89</v>
      </c>
    </row>
    <row r="14" spans="1:5" x14ac:dyDescent="0.35">
      <c r="A14" s="70" t="s">
        <v>90</v>
      </c>
      <c r="B14" s="74">
        <v>1860</v>
      </c>
      <c r="C14" s="74">
        <v>4011</v>
      </c>
      <c r="D14" s="74">
        <v>21157</v>
      </c>
      <c r="E14" s="75">
        <v>4490</v>
      </c>
    </row>
    <row r="15" spans="1:5" x14ac:dyDescent="0.35">
      <c r="A15" s="83" t="s">
        <v>94</v>
      </c>
      <c r="B15" s="74">
        <v>333</v>
      </c>
      <c r="C15" s="74">
        <v>582</v>
      </c>
      <c r="D15" s="74">
        <v>6821</v>
      </c>
      <c r="E15" s="75">
        <v>6865</v>
      </c>
    </row>
    <row r="16" spans="1:5" x14ac:dyDescent="0.35">
      <c r="A16" s="76" t="s">
        <v>95</v>
      </c>
      <c r="B16" s="79">
        <v>162378</v>
      </c>
      <c r="C16" s="80">
        <v>328179</v>
      </c>
      <c r="D16" s="80">
        <v>3444125</v>
      </c>
      <c r="E16" s="85">
        <v>3441093.03</v>
      </c>
    </row>
  </sheetData>
  <pageMargins left="0.7" right="0.7" top="0.75" bottom="0.75" header="0.3" footer="0.3"/>
  <pageSetup orientation="portrait" r:id="rId1"/>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482DA2A3-3197-465A-96E4-E44A525691F6}">
  <dimension ref="A1:L24"/>
  <sheetViews>
    <sheetView workbookViewId="0">
      <selection activeCell="F26" sqref="F26"/>
    </sheetView>
  </sheetViews>
  <sheetFormatPr defaultRowHeight="14.5" x14ac:dyDescent="0.35"/>
  <cols>
    <col min="6" max="6" width="45.7265625" customWidth="1"/>
    <col min="7" max="7" width="76.453125" customWidth="1"/>
  </cols>
  <sheetData>
    <row r="1" spans="1:12" x14ac:dyDescent="0.35">
      <c r="A1" s="29"/>
      <c r="B1" s="29"/>
      <c r="C1" s="29"/>
      <c r="D1" s="29"/>
      <c r="E1" s="29"/>
      <c r="F1" s="29"/>
      <c r="G1" s="29"/>
      <c r="H1" s="30"/>
      <c r="I1" s="30"/>
      <c r="J1" s="30"/>
      <c r="K1" s="30"/>
      <c r="L1" s="30"/>
    </row>
    <row r="2" spans="1:12" x14ac:dyDescent="0.35">
      <c r="A2" s="29"/>
      <c r="B2" s="29"/>
      <c r="C2" s="29"/>
      <c r="D2" s="29"/>
      <c r="E2" s="29"/>
      <c r="F2" s="29"/>
      <c r="G2" s="29"/>
      <c r="H2" s="30"/>
      <c r="I2" s="30"/>
      <c r="J2" s="30"/>
      <c r="K2" s="30"/>
      <c r="L2" s="30"/>
    </row>
    <row r="3" spans="1:12" x14ac:dyDescent="0.35">
      <c r="A3" s="29"/>
      <c r="B3" s="29"/>
      <c r="C3" s="29"/>
      <c r="D3" s="29"/>
      <c r="E3" s="29"/>
      <c r="F3" s="29"/>
      <c r="G3" s="29"/>
      <c r="H3" s="30"/>
      <c r="I3" s="30"/>
      <c r="J3" s="30"/>
      <c r="K3" s="30"/>
      <c r="L3" s="30"/>
    </row>
    <row r="4" spans="1:12" x14ac:dyDescent="0.35">
      <c r="A4" s="29"/>
      <c r="B4" s="29"/>
      <c r="C4" s="29"/>
      <c r="D4" s="29"/>
      <c r="E4" s="29"/>
      <c r="F4" s="29"/>
      <c r="G4" s="29"/>
      <c r="H4" s="30"/>
      <c r="I4" s="30"/>
      <c r="J4" s="30"/>
      <c r="K4" s="30"/>
      <c r="L4" s="30"/>
    </row>
    <row r="5" spans="1:12" x14ac:dyDescent="0.35">
      <c r="A5" s="29"/>
      <c r="B5" s="29"/>
      <c r="C5" s="29"/>
      <c r="D5" s="29"/>
      <c r="E5" s="29"/>
      <c r="F5" s="29"/>
      <c r="G5" s="29"/>
      <c r="H5" s="30"/>
      <c r="I5" s="30"/>
      <c r="J5" s="30"/>
      <c r="K5" s="30"/>
      <c r="L5" s="30"/>
    </row>
    <row r="6" spans="1:12" x14ac:dyDescent="0.35">
      <c r="A6" s="29"/>
      <c r="B6" s="29"/>
      <c r="C6" s="29"/>
      <c r="D6" s="29"/>
      <c r="E6" s="29"/>
      <c r="F6" s="29"/>
      <c r="G6" s="29"/>
      <c r="H6" s="30"/>
      <c r="I6" s="30"/>
      <c r="J6" s="30"/>
      <c r="K6" s="30"/>
      <c r="L6" s="30"/>
    </row>
    <row r="7" spans="1:12" x14ac:dyDescent="0.35">
      <c r="A7" s="29"/>
      <c r="B7" s="29"/>
      <c r="C7" s="29"/>
      <c r="D7" s="29"/>
      <c r="E7" s="29"/>
      <c r="F7" s="29"/>
      <c r="G7" s="29"/>
      <c r="H7" s="30"/>
      <c r="I7" s="30"/>
      <c r="J7" s="30"/>
      <c r="K7" s="30"/>
      <c r="L7" s="30"/>
    </row>
    <row r="8" spans="1:12" x14ac:dyDescent="0.35">
      <c r="A8" s="29"/>
      <c r="B8" s="29"/>
      <c r="C8" s="29"/>
      <c r="D8" s="29"/>
      <c r="E8" s="29"/>
      <c r="F8" s="29"/>
      <c r="G8" s="29"/>
      <c r="H8" s="30"/>
      <c r="I8" s="30"/>
      <c r="J8" s="30"/>
      <c r="K8" s="30"/>
      <c r="L8" s="30"/>
    </row>
    <row r="9" spans="1:12" x14ac:dyDescent="0.35">
      <c r="A9" s="29"/>
      <c r="B9" s="29"/>
      <c r="C9" s="29"/>
      <c r="D9" s="29"/>
      <c r="E9" s="29"/>
      <c r="F9" s="29"/>
      <c r="G9" s="29"/>
      <c r="H9" s="30"/>
      <c r="I9" s="30"/>
      <c r="J9" s="30"/>
      <c r="K9" s="30"/>
      <c r="L9" s="30"/>
    </row>
    <row r="10" spans="1:12" ht="14" customHeight="1" x14ac:dyDescent="0.35">
      <c r="A10" s="29"/>
      <c r="B10" s="29"/>
      <c r="C10" s="29"/>
      <c r="D10" s="29"/>
      <c r="E10" s="29"/>
      <c r="F10" s="29"/>
      <c r="G10" s="29"/>
      <c r="H10" s="30"/>
      <c r="I10" s="30"/>
      <c r="J10" s="30"/>
      <c r="K10" s="30"/>
      <c r="L10" s="30"/>
    </row>
    <row r="11" spans="1:12" ht="25" customHeight="1" x14ac:dyDescent="0.35">
      <c r="A11" s="31"/>
      <c r="B11" s="31"/>
      <c r="C11" s="31"/>
      <c r="D11" s="31"/>
      <c r="E11" s="31"/>
      <c r="F11" s="31"/>
      <c r="G11" s="14" t="s">
        <v>17</v>
      </c>
    </row>
    <row r="12" spans="1:12" ht="25" customHeight="1" x14ac:dyDescent="0.35">
      <c r="A12" s="15">
        <v>1</v>
      </c>
      <c r="B12" s="25" t="s">
        <v>18</v>
      </c>
      <c r="C12" s="25"/>
      <c r="D12" s="25"/>
      <c r="E12" s="25"/>
      <c r="F12" s="25"/>
      <c r="G12" s="16">
        <v>418007</v>
      </c>
    </row>
    <row r="13" spans="1:12" ht="25" customHeight="1" x14ac:dyDescent="0.35">
      <c r="A13" s="15">
        <v>2</v>
      </c>
      <c r="B13" s="17" t="s">
        <v>19</v>
      </c>
      <c r="C13" s="18"/>
      <c r="D13" s="18"/>
      <c r="E13" s="18"/>
      <c r="F13" s="18"/>
      <c r="G13" s="16">
        <v>13576</v>
      </c>
    </row>
    <row r="14" spans="1:12" ht="25" customHeight="1" x14ac:dyDescent="0.35">
      <c r="A14" s="19"/>
      <c r="B14" s="24" t="s">
        <v>20</v>
      </c>
      <c r="C14" s="24"/>
      <c r="D14" s="24"/>
      <c r="E14" s="24"/>
      <c r="F14" s="24"/>
      <c r="G14" s="20">
        <v>1272074</v>
      </c>
    </row>
    <row r="15" spans="1:12" ht="25" customHeight="1" x14ac:dyDescent="0.35">
      <c r="A15" s="15">
        <v>3</v>
      </c>
      <c r="B15" s="25" t="s">
        <v>21</v>
      </c>
      <c r="C15" s="25"/>
      <c r="D15" s="25"/>
      <c r="E15" s="25"/>
      <c r="F15" s="25"/>
      <c r="G15" s="16">
        <v>2582</v>
      </c>
    </row>
    <row r="16" spans="1:12" ht="25" customHeight="1" x14ac:dyDescent="0.35">
      <c r="A16" s="19"/>
      <c r="B16" s="24" t="s">
        <v>20</v>
      </c>
      <c r="C16" s="24"/>
      <c r="D16" s="24"/>
      <c r="E16" s="24"/>
      <c r="F16" s="24"/>
      <c r="G16" s="20">
        <v>1050522.07</v>
      </c>
    </row>
    <row r="17" spans="1:7" ht="25" customHeight="1" x14ac:dyDescent="0.35">
      <c r="A17" s="15">
        <v>4</v>
      </c>
      <c r="B17" s="17" t="s">
        <v>22</v>
      </c>
      <c r="C17" s="18"/>
      <c r="D17" s="18"/>
      <c r="E17" s="18"/>
      <c r="F17" s="18"/>
      <c r="G17" s="16">
        <v>3361</v>
      </c>
    </row>
    <row r="18" spans="1:7" ht="25" customHeight="1" x14ac:dyDescent="0.35">
      <c r="A18" s="15">
        <v>5</v>
      </c>
      <c r="B18" s="25" t="s">
        <v>23</v>
      </c>
      <c r="C18" s="25"/>
      <c r="D18" s="25"/>
      <c r="E18" s="25"/>
      <c r="F18" s="25"/>
      <c r="G18" s="16">
        <v>3024</v>
      </c>
    </row>
    <row r="19" spans="1:7" ht="25" customHeight="1" x14ac:dyDescent="0.35">
      <c r="A19" s="15">
        <v>6</v>
      </c>
      <c r="B19" s="25" t="s">
        <v>24</v>
      </c>
      <c r="C19" s="25"/>
      <c r="D19" s="25"/>
      <c r="E19" s="25"/>
      <c r="F19" s="25"/>
      <c r="G19" s="16">
        <v>35682</v>
      </c>
    </row>
    <row r="20" spans="1:7" ht="25" customHeight="1" x14ac:dyDescent="0.35">
      <c r="A20" s="15">
        <v>7</v>
      </c>
      <c r="B20" s="17" t="s">
        <v>25</v>
      </c>
      <c r="C20" s="18"/>
      <c r="D20" s="18"/>
      <c r="E20" s="18"/>
      <c r="F20" s="18"/>
      <c r="G20" s="16">
        <v>5723</v>
      </c>
    </row>
    <row r="21" spans="1:7" ht="25" customHeight="1" x14ac:dyDescent="0.35">
      <c r="A21" s="26"/>
      <c r="B21" s="24" t="s">
        <v>26</v>
      </c>
      <c r="C21" s="24"/>
      <c r="D21" s="24"/>
      <c r="E21" s="24"/>
      <c r="F21" s="24"/>
      <c r="G21" s="21">
        <v>798</v>
      </c>
    </row>
    <row r="22" spans="1:7" ht="25" customHeight="1" x14ac:dyDescent="0.35">
      <c r="A22" s="27"/>
      <c r="B22" s="24" t="s">
        <v>27</v>
      </c>
      <c r="C22" s="24"/>
      <c r="D22" s="24"/>
      <c r="E22" s="24"/>
      <c r="F22" s="24"/>
      <c r="G22" s="21">
        <v>90</v>
      </c>
    </row>
    <row r="23" spans="1:7" ht="25" customHeight="1" x14ac:dyDescent="0.35">
      <c r="A23" s="28"/>
      <c r="B23" s="24" t="s">
        <v>28</v>
      </c>
      <c r="C23" s="24"/>
      <c r="D23" s="24"/>
      <c r="E23" s="24"/>
      <c r="F23" s="24"/>
      <c r="G23" s="22" t="s">
        <v>29</v>
      </c>
    </row>
    <row r="24" spans="1:7" x14ac:dyDescent="0.35">
      <c r="B24" t="s">
        <v>30</v>
      </c>
    </row>
  </sheetData>
  <mergeCells count="13">
    <mergeCell ref="B15:F15"/>
    <mergeCell ref="A1:G10"/>
    <mergeCell ref="H1:L10"/>
    <mergeCell ref="A11:F11"/>
    <mergeCell ref="B12:F12"/>
    <mergeCell ref="B14:F14"/>
    <mergeCell ref="B16:F16"/>
    <mergeCell ref="B18:F18"/>
    <mergeCell ref="B19:F19"/>
    <mergeCell ref="A21:A23"/>
    <mergeCell ref="B21:F21"/>
    <mergeCell ref="B22:F22"/>
    <mergeCell ref="B23:F23"/>
  </mergeCells>
  <pageMargins left="0.7" right="0.7" top="0.75" bottom="0.75" header="0.3" footer="0.3"/>
  <pageSetup scale="48" orientation="portrait" r:id="rId1"/>
  <drawing r:id="rId2"/>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31E697A6-7E97-4D56-AB51-7C2AD8875C4E}">
  <dimension ref="A1:S18"/>
  <sheetViews>
    <sheetView tabSelected="1" workbookViewId="0">
      <selection activeCell="P15" sqref="P15"/>
    </sheetView>
  </sheetViews>
  <sheetFormatPr defaultColWidth="12.7265625" defaultRowHeight="14.5" x14ac:dyDescent="0.35"/>
  <cols>
    <col min="1" max="9" width="13.26953125" customWidth="1"/>
    <col min="10" max="10" width="14.26953125" bestFit="1" customWidth="1"/>
    <col min="11" max="12" width="13.26953125" customWidth="1"/>
    <col min="13" max="13" width="14.08984375" customWidth="1"/>
    <col min="14" max="14" width="14.26953125" customWidth="1"/>
    <col min="15" max="15" width="15" customWidth="1"/>
    <col min="16" max="16" width="14.6328125" customWidth="1"/>
    <col min="17" max="18" width="15.36328125" customWidth="1"/>
    <col min="19" max="19" width="14.08984375" customWidth="1"/>
  </cols>
  <sheetData>
    <row r="1" spans="1:19" ht="18.75" customHeight="1" x14ac:dyDescent="0.45">
      <c r="A1" s="32" t="s">
        <v>31</v>
      </c>
      <c r="B1" s="23"/>
      <c r="C1" s="23"/>
      <c r="D1" s="23"/>
      <c r="E1" s="23"/>
      <c r="F1" s="23"/>
      <c r="G1" s="23"/>
      <c r="H1" s="23"/>
      <c r="I1" s="23"/>
      <c r="J1" s="23"/>
      <c r="K1" s="23"/>
      <c r="L1" s="23"/>
      <c r="M1" s="23"/>
      <c r="N1" s="23"/>
      <c r="O1" s="23"/>
      <c r="P1" s="23"/>
      <c r="Q1" s="23"/>
      <c r="R1" s="23"/>
      <c r="S1" s="23"/>
    </row>
    <row r="2" spans="1:19" ht="87" x14ac:dyDescent="0.35">
      <c r="A2" s="33" t="s">
        <v>1</v>
      </c>
      <c r="B2" s="33" t="s">
        <v>2</v>
      </c>
      <c r="C2" s="34" t="s">
        <v>32</v>
      </c>
      <c r="D2" s="34" t="s">
        <v>33</v>
      </c>
      <c r="E2" s="35" t="s">
        <v>34</v>
      </c>
      <c r="F2" s="35" t="s">
        <v>35</v>
      </c>
      <c r="G2" s="35" t="s">
        <v>36</v>
      </c>
      <c r="H2" s="35" t="s">
        <v>37</v>
      </c>
      <c r="I2" s="35" t="s">
        <v>38</v>
      </c>
      <c r="J2" s="35" t="s">
        <v>39</v>
      </c>
      <c r="K2" s="35" t="s">
        <v>40</v>
      </c>
      <c r="L2" s="35" t="s">
        <v>41</v>
      </c>
      <c r="M2" s="35" t="s">
        <v>42</v>
      </c>
      <c r="N2" s="35" t="s">
        <v>43</v>
      </c>
      <c r="O2" s="35" t="s">
        <v>44</v>
      </c>
      <c r="P2" s="35" t="s">
        <v>45</v>
      </c>
      <c r="Q2" s="35" t="s">
        <v>46</v>
      </c>
      <c r="R2" s="35" t="s">
        <v>47</v>
      </c>
      <c r="S2" s="35" t="s">
        <v>48</v>
      </c>
    </row>
    <row r="3" spans="1:19" x14ac:dyDescent="0.35">
      <c r="A3" s="36">
        <v>2022</v>
      </c>
      <c r="B3" s="36">
        <v>1</v>
      </c>
      <c r="C3" s="37">
        <v>785667</v>
      </c>
      <c r="D3" s="37">
        <v>422832</v>
      </c>
      <c r="E3" s="38">
        <v>7687478.4799999995</v>
      </c>
      <c r="F3" s="37">
        <v>93220</v>
      </c>
      <c r="G3" s="37">
        <v>6754</v>
      </c>
      <c r="H3" s="37">
        <v>1139</v>
      </c>
      <c r="I3" s="37">
        <v>2970</v>
      </c>
      <c r="J3" s="39">
        <v>4588130.49</v>
      </c>
      <c r="K3" s="40">
        <v>608145.22</v>
      </c>
      <c r="L3" s="41">
        <v>969103.23</v>
      </c>
      <c r="M3" s="37">
        <v>523</v>
      </c>
      <c r="N3" s="42">
        <v>223</v>
      </c>
      <c r="O3" s="37">
        <v>60621</v>
      </c>
      <c r="P3" s="37">
        <v>0</v>
      </c>
      <c r="Q3" s="37">
        <v>7091</v>
      </c>
      <c r="R3" s="37">
        <v>9732</v>
      </c>
      <c r="S3" s="40">
        <v>4288631.7699999996</v>
      </c>
    </row>
    <row r="4" spans="1:19" x14ac:dyDescent="0.35">
      <c r="A4" s="43">
        <v>2022</v>
      </c>
      <c r="B4" s="43">
        <v>2</v>
      </c>
      <c r="C4" s="44">
        <v>786253</v>
      </c>
      <c r="D4" s="44">
        <v>423047</v>
      </c>
      <c r="E4" s="45">
        <v>9641170.75</v>
      </c>
      <c r="F4" s="46">
        <v>89973</v>
      </c>
      <c r="G4" s="46">
        <v>6926</v>
      </c>
      <c r="H4" s="46">
        <v>1098</v>
      </c>
      <c r="I4" s="46">
        <v>3630</v>
      </c>
      <c r="J4" s="47">
        <v>5006262.9800000004</v>
      </c>
      <c r="K4" s="48">
        <v>634643.65</v>
      </c>
      <c r="L4" s="49">
        <v>1346281.62</v>
      </c>
      <c r="M4" s="46">
        <v>553</v>
      </c>
      <c r="N4" s="50">
        <v>245</v>
      </c>
      <c r="O4" s="46">
        <v>60458</v>
      </c>
      <c r="P4" s="46">
        <v>0</v>
      </c>
      <c r="Q4" s="46">
        <v>5827</v>
      </c>
      <c r="R4" s="46">
        <v>12650</v>
      </c>
      <c r="S4" s="48">
        <v>6814626.4199999999</v>
      </c>
    </row>
    <row r="5" spans="1:19" x14ac:dyDescent="0.35">
      <c r="A5" s="36">
        <v>2022</v>
      </c>
      <c r="B5" s="36">
        <v>3</v>
      </c>
      <c r="C5" s="37">
        <v>786462</v>
      </c>
      <c r="D5" s="37">
        <v>423178</v>
      </c>
      <c r="E5" s="38">
        <v>11968195.41</v>
      </c>
      <c r="F5" s="37">
        <v>89517</v>
      </c>
      <c r="G5" s="37">
        <v>7018</v>
      </c>
      <c r="H5" s="37">
        <v>1101</v>
      </c>
      <c r="I5" s="37">
        <v>3873</v>
      </c>
      <c r="J5" s="39">
        <v>5437844.0700000003</v>
      </c>
      <c r="K5" s="40">
        <v>704898.43</v>
      </c>
      <c r="L5" s="51">
        <v>1603122.08</v>
      </c>
      <c r="M5" s="37">
        <v>1623</v>
      </c>
      <c r="N5" s="42">
        <v>692</v>
      </c>
      <c r="O5" s="37">
        <v>60163</v>
      </c>
      <c r="P5" s="37">
        <v>0</v>
      </c>
      <c r="Q5" s="37">
        <v>5855</v>
      </c>
      <c r="R5" s="37">
        <v>12611</v>
      </c>
      <c r="S5" s="40">
        <v>7257095.21</v>
      </c>
    </row>
    <row r="6" spans="1:19" x14ac:dyDescent="0.35">
      <c r="A6" s="43">
        <v>2022</v>
      </c>
      <c r="B6" s="43">
        <v>4</v>
      </c>
      <c r="C6" s="52">
        <v>786793</v>
      </c>
      <c r="D6" s="52">
        <v>423460</v>
      </c>
      <c r="E6" s="45">
        <v>12406209.43</v>
      </c>
      <c r="F6" s="46">
        <v>91747</v>
      </c>
      <c r="G6" s="46">
        <v>7035</v>
      </c>
      <c r="H6" s="46">
        <v>1046</v>
      </c>
      <c r="I6" s="46">
        <v>3967</v>
      </c>
      <c r="J6" s="47">
        <v>5480871.3499999996</v>
      </c>
      <c r="K6" s="48">
        <v>670287.37</v>
      </c>
      <c r="L6" s="49">
        <v>1668577.36</v>
      </c>
      <c r="M6" s="46">
        <v>1421</v>
      </c>
      <c r="N6" s="50">
        <v>568</v>
      </c>
      <c r="O6" s="46">
        <v>57021</v>
      </c>
      <c r="P6" s="46">
        <v>0</v>
      </c>
      <c r="Q6" s="46">
        <v>3245</v>
      </c>
      <c r="R6" s="46">
        <v>11757</v>
      </c>
      <c r="S6" s="48">
        <v>6863167.8499999996</v>
      </c>
    </row>
    <row r="7" spans="1:19" x14ac:dyDescent="0.35">
      <c r="A7" s="36">
        <v>2022</v>
      </c>
      <c r="B7" s="36">
        <v>5</v>
      </c>
      <c r="C7" s="37">
        <v>785943</v>
      </c>
      <c r="D7" s="37">
        <v>423236</v>
      </c>
      <c r="E7" s="38">
        <v>12600505.76</v>
      </c>
      <c r="F7" s="37">
        <v>96539</v>
      </c>
      <c r="G7" s="37">
        <v>8336</v>
      </c>
      <c r="H7" s="37">
        <v>1215</v>
      </c>
      <c r="I7" s="37">
        <v>4359</v>
      </c>
      <c r="J7" s="39">
        <v>6925853.0899999999</v>
      </c>
      <c r="K7" s="40">
        <v>810367.71</v>
      </c>
      <c r="L7" s="51">
        <v>1790777.05</v>
      </c>
      <c r="M7" s="37">
        <v>1825</v>
      </c>
      <c r="N7" s="42">
        <v>524</v>
      </c>
      <c r="O7" s="37">
        <v>63866</v>
      </c>
      <c r="P7" s="37">
        <v>176</v>
      </c>
      <c r="Q7" s="37">
        <v>3200</v>
      </c>
      <c r="R7" s="37">
        <v>12683</v>
      </c>
      <c r="S7" s="40">
        <v>6471935.46</v>
      </c>
    </row>
    <row r="8" spans="1:19" x14ac:dyDescent="0.35">
      <c r="A8" s="43">
        <v>2022</v>
      </c>
      <c r="B8" s="43">
        <v>6</v>
      </c>
      <c r="C8" s="52">
        <v>785108</v>
      </c>
      <c r="D8" s="52">
        <v>423366</v>
      </c>
      <c r="E8" s="45">
        <v>9559617.7600000016</v>
      </c>
      <c r="F8" s="46">
        <v>94704</v>
      </c>
      <c r="G8" s="46">
        <v>8926</v>
      </c>
      <c r="H8" s="46">
        <v>1285</v>
      </c>
      <c r="I8" s="46">
        <v>4399</v>
      </c>
      <c r="J8" s="47">
        <v>7315408.7000000002</v>
      </c>
      <c r="K8" s="48">
        <v>854700.95</v>
      </c>
      <c r="L8" s="49">
        <v>1725529.95</v>
      </c>
      <c r="M8" s="46">
        <v>2029</v>
      </c>
      <c r="N8" s="50">
        <v>497</v>
      </c>
      <c r="O8" s="46">
        <v>57440</v>
      </c>
      <c r="P8" s="46">
        <v>208</v>
      </c>
      <c r="Q8" s="46">
        <v>711</v>
      </c>
      <c r="R8" s="46">
        <v>10724</v>
      </c>
      <c r="S8" s="48">
        <v>3251137.02</v>
      </c>
    </row>
    <row r="9" spans="1:19" x14ac:dyDescent="0.35">
      <c r="A9" s="36">
        <v>2022</v>
      </c>
      <c r="B9" s="36">
        <v>7</v>
      </c>
      <c r="C9" s="37">
        <v>784580</v>
      </c>
      <c r="D9" s="37">
        <v>423262</v>
      </c>
      <c r="E9" s="38">
        <v>7839518.2799999993</v>
      </c>
      <c r="F9" s="37">
        <v>105430</v>
      </c>
      <c r="G9" s="37">
        <v>8524</v>
      </c>
      <c r="H9" s="37">
        <v>1226</v>
      </c>
      <c r="I9" s="37">
        <v>3821</v>
      </c>
      <c r="J9" s="39">
        <v>6716073.2999999998</v>
      </c>
      <c r="K9" s="40">
        <v>782987.69</v>
      </c>
      <c r="L9" s="51">
        <v>1450459.23</v>
      </c>
      <c r="M9" s="37">
        <v>1690</v>
      </c>
      <c r="N9" s="42">
        <v>431</v>
      </c>
      <c r="O9" s="37">
        <v>51795</v>
      </c>
      <c r="P9" s="37">
        <v>118</v>
      </c>
      <c r="Q9" s="37">
        <v>484</v>
      </c>
      <c r="R9" s="37">
        <v>10151</v>
      </c>
      <c r="S9" s="40">
        <v>2839235.7</v>
      </c>
    </row>
    <row r="10" spans="1:19" x14ac:dyDescent="0.35">
      <c r="A10" s="43">
        <v>2022</v>
      </c>
      <c r="B10" s="43">
        <v>8</v>
      </c>
      <c r="C10" s="52">
        <v>784700</v>
      </c>
      <c r="D10" s="52">
        <v>423551</v>
      </c>
      <c r="E10" s="45">
        <v>5902578.5800000001</v>
      </c>
      <c r="F10" s="46">
        <v>98224</v>
      </c>
      <c r="G10" s="46">
        <v>8575</v>
      </c>
      <c r="H10" s="46">
        <v>1295</v>
      </c>
      <c r="I10" s="46">
        <v>3044</v>
      </c>
      <c r="J10" s="47">
        <v>6538095.0999999996</v>
      </c>
      <c r="K10" s="48">
        <v>764801.72</v>
      </c>
      <c r="L10" s="49">
        <v>1152559.24</v>
      </c>
      <c r="M10" s="46">
        <v>1364</v>
      </c>
      <c r="N10" s="50">
        <v>343</v>
      </c>
      <c r="O10" s="46">
        <v>54955</v>
      </c>
      <c r="P10" s="46">
        <v>108</v>
      </c>
      <c r="Q10" s="46">
        <v>44</v>
      </c>
      <c r="R10" s="46" t="s">
        <v>49</v>
      </c>
      <c r="S10" s="48" t="s">
        <v>49</v>
      </c>
    </row>
    <row r="11" spans="1:19" x14ac:dyDescent="0.35">
      <c r="A11" s="36">
        <v>2022</v>
      </c>
      <c r="B11" s="36">
        <v>9</v>
      </c>
      <c r="C11" s="37">
        <v>785173</v>
      </c>
      <c r="D11" s="37">
        <v>423765</v>
      </c>
      <c r="E11" s="38">
        <v>6390977.54</v>
      </c>
      <c r="F11" s="37">
        <v>103681</v>
      </c>
      <c r="G11" s="37">
        <v>8492</v>
      </c>
      <c r="H11" s="37">
        <v>1312</v>
      </c>
      <c r="I11" s="37">
        <v>2348</v>
      </c>
      <c r="J11" s="39">
        <v>6260520.9299999997</v>
      </c>
      <c r="K11" s="40">
        <v>731016.51</v>
      </c>
      <c r="L11" s="51">
        <v>870882.89</v>
      </c>
      <c r="M11" s="37">
        <v>1220</v>
      </c>
      <c r="N11" s="42">
        <v>350</v>
      </c>
      <c r="O11" s="37">
        <v>47742</v>
      </c>
      <c r="P11" s="37">
        <v>68</v>
      </c>
      <c r="Q11" s="37">
        <v>384</v>
      </c>
      <c r="R11" s="37">
        <v>10713</v>
      </c>
      <c r="S11" s="40">
        <v>2575294.4500000002</v>
      </c>
    </row>
    <row r="12" spans="1:19" x14ac:dyDescent="0.35">
      <c r="A12" s="43">
        <v>2022</v>
      </c>
      <c r="B12" s="43">
        <v>10</v>
      </c>
      <c r="C12" s="52">
        <v>786920</v>
      </c>
      <c r="D12" s="52">
        <v>424027</v>
      </c>
      <c r="E12" s="45">
        <v>5609878</v>
      </c>
      <c r="F12" s="46">
        <v>96192</v>
      </c>
      <c r="G12" s="46">
        <v>8354</v>
      </c>
      <c r="H12" s="46">
        <v>1315</v>
      </c>
      <c r="I12" s="46">
        <v>1814</v>
      </c>
      <c r="J12" s="47">
        <v>6008776.9000000004</v>
      </c>
      <c r="K12" s="48">
        <v>715811.79</v>
      </c>
      <c r="L12" s="49">
        <v>671028.56000000006</v>
      </c>
      <c r="M12" s="53">
        <v>1012</v>
      </c>
      <c r="N12" s="50">
        <v>353</v>
      </c>
      <c r="O12" s="53">
        <v>46882</v>
      </c>
      <c r="P12" s="46">
        <v>40</v>
      </c>
      <c r="Q12" s="46">
        <v>868</v>
      </c>
      <c r="R12" s="46">
        <v>420</v>
      </c>
      <c r="S12" s="48">
        <v>185010.46</v>
      </c>
    </row>
    <row r="13" spans="1:19" x14ac:dyDescent="0.35">
      <c r="A13" s="36">
        <v>2022</v>
      </c>
      <c r="B13" s="36">
        <v>11</v>
      </c>
      <c r="C13" s="37">
        <v>788612</v>
      </c>
      <c r="D13" s="37">
        <v>424366</v>
      </c>
      <c r="E13" s="38">
        <v>5223842.79</v>
      </c>
      <c r="F13" s="37">
        <v>89857</v>
      </c>
      <c r="G13" s="37">
        <v>7597</v>
      </c>
      <c r="H13" s="37">
        <v>1222</v>
      </c>
      <c r="I13" s="37">
        <v>1762</v>
      </c>
      <c r="J13" s="39">
        <v>5409192.9500000002</v>
      </c>
      <c r="K13" s="39">
        <v>661761.31999999995</v>
      </c>
      <c r="L13" s="51">
        <v>601894.64</v>
      </c>
      <c r="M13" s="37">
        <v>956</v>
      </c>
      <c r="N13" s="42">
        <v>336</v>
      </c>
      <c r="O13" s="37">
        <v>46845</v>
      </c>
      <c r="P13" s="37">
        <v>0</v>
      </c>
      <c r="Q13" s="37">
        <v>7592</v>
      </c>
      <c r="R13" s="37">
        <v>3318</v>
      </c>
      <c r="S13" s="40">
        <v>1440108.44</v>
      </c>
    </row>
    <row r="14" spans="1:19" x14ac:dyDescent="0.35">
      <c r="A14" s="43">
        <v>2022</v>
      </c>
      <c r="B14" s="43">
        <v>12</v>
      </c>
      <c r="C14" s="52">
        <v>789914</v>
      </c>
      <c r="D14" s="52">
        <v>424736</v>
      </c>
      <c r="E14" s="45">
        <v>7614441</v>
      </c>
      <c r="F14" s="46">
        <v>97380</v>
      </c>
      <c r="G14" s="46">
        <v>6853</v>
      </c>
      <c r="H14" s="46">
        <v>1119</v>
      </c>
      <c r="I14" s="46">
        <v>1975</v>
      </c>
      <c r="J14" s="47">
        <v>4733509.24</v>
      </c>
      <c r="K14" s="47">
        <v>594069.44999999995</v>
      </c>
      <c r="L14" s="49">
        <v>629050.12</v>
      </c>
      <c r="M14" s="46">
        <v>779</v>
      </c>
      <c r="N14" s="50">
        <v>338</v>
      </c>
      <c r="O14" s="46">
        <v>48744</v>
      </c>
      <c r="P14" s="46" t="s">
        <v>50</v>
      </c>
      <c r="Q14" s="46">
        <v>6223</v>
      </c>
      <c r="R14" s="46">
        <v>6735</v>
      </c>
      <c r="S14" s="48">
        <v>3143867.7</v>
      </c>
    </row>
    <row r="16" spans="1:19" x14ac:dyDescent="0.35">
      <c r="A16" t="s">
        <v>51</v>
      </c>
    </row>
    <row r="17" spans="1:1" x14ac:dyDescent="0.35">
      <c r="A17" t="s">
        <v>52</v>
      </c>
    </row>
    <row r="18" spans="1:1" x14ac:dyDescent="0.35">
      <c r="A18" t="s">
        <v>53</v>
      </c>
    </row>
  </sheetData>
  <mergeCells count="1">
    <mergeCell ref="A1:S1"/>
  </mergeCells>
  <pageMargins left="0.7" right="0.7" top="0.75" bottom="0.75" header="0.3" footer="0.3"/>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Worksheets</vt:lpstr>
      </vt:variant>
      <vt:variant>
        <vt:i4>8</vt:i4>
      </vt:variant>
    </vt:vector>
  </HeadingPairs>
  <TitlesOfParts>
    <vt:vector size="8" baseType="lpstr">
      <vt:lpstr>AES Indiana LIHEAP</vt:lpstr>
      <vt:lpstr>AES Indiana Residential</vt:lpstr>
      <vt:lpstr>CEI North</vt:lpstr>
      <vt:lpstr>CEI South</vt:lpstr>
      <vt:lpstr>CEI LIHEAP</vt:lpstr>
      <vt:lpstr>Duke Energy</vt:lpstr>
      <vt:lpstr>Indiana Michigan</vt:lpstr>
      <vt:lpstr>NIPSCO </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Sandhu, Harpreet (OUCC)</dc:creator>
  <cp:lastModifiedBy>Harpreet Sandhu</cp:lastModifiedBy>
  <dcterms:created xsi:type="dcterms:W3CDTF">2023-02-02T21:29:16Z</dcterms:created>
  <dcterms:modified xsi:type="dcterms:W3CDTF">2023-02-02T21:34:19Z</dcterms:modified>
</cp:coreProperties>
</file>